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120" yWindow="-120" windowWidth="20736" windowHeight="11160"/>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externalReferences>
    <externalReference r:id="rId18"/>
  </externalReference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BG34" i="10" l="1"/>
  <c r="AO34" i="10"/>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C38" i="10"/>
  <c r="CO37" i="10"/>
  <c r="BE37" i="10"/>
  <c r="AM37" i="10"/>
  <c r="C37" i="10"/>
  <c r="CO36" i="10"/>
  <c r="BE36" i="10"/>
  <c r="AM36" i="10"/>
  <c r="C36" i="10"/>
  <c r="BE35" i="10"/>
  <c r="AM35" i="10"/>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s="1"/>
  <c r="U36" i="10" s="1"/>
  <c r="U37" i="10" s="1"/>
  <c r="U38" i="10" s="1"/>
  <c r="AM34" i="10" l="1"/>
  <c r="BE34" i="10" s="1"/>
  <c r="BW34" i="10" s="1"/>
  <c r="BW35" i="10" s="1"/>
  <c r="BW36" i="10" s="1"/>
  <c r="BW37" i="10" s="1"/>
  <c r="BW38" i="10" s="1"/>
  <c r="CO34" i="10" l="1"/>
  <c r="CO35" i="10" s="1"/>
</calcChain>
</file>

<file path=xl/sharedStrings.xml><?xml version="1.0" encoding="utf-8"?>
<sst xmlns="http://schemas.openxmlformats.org/spreadsheetml/2006/main" count="1165"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真鶴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8.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8</t>
    <phoneticPr fontId="5"/>
  </si>
  <si>
    <t>基準財政需要額</t>
    <phoneticPr fontId="25"/>
  </si>
  <si>
    <t>うち日本人(％)</t>
    <phoneticPr fontId="5"/>
  </si>
  <si>
    <t>-1.8</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真鶴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介護サービス</t>
    <phoneticPr fontId="5"/>
  </si>
  <si>
    <t>被保険者数(人)</t>
  </si>
  <si>
    <t>　積立金</t>
    <phoneticPr fontId="5"/>
  </si>
  <si>
    <t>地方債</t>
  </si>
  <si>
    <t>工業用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真鶴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真鶴魚座・ケープ真鶴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事業勘定）</t>
    <phoneticPr fontId="5"/>
  </si>
  <si>
    <t>国民健康保険事業特別会計（施設勘定）</t>
    <phoneticPr fontId="5"/>
  </si>
  <si>
    <t>介護保険事業特別会計（保険事業勘定）</t>
    <phoneticPr fontId="5"/>
  </si>
  <si>
    <t>介護保険事業特別会計（介護サービス事業勘定）</t>
    <phoneticPr fontId="5"/>
  </si>
  <si>
    <t>後期高齢者医療特別会計</t>
    <phoneticPr fontId="5"/>
  </si>
  <si>
    <t>水道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t>
    <phoneticPr fontId="5"/>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国民健康保険事業特別会計（施設勘定）</t>
    <phoneticPr fontId="5"/>
  </si>
  <si>
    <t xml:space="preserve">基準財政需要額算入見込額 </t>
    <rPh sb="0" eb="2">
      <t>キジュン</t>
    </rPh>
    <rPh sb="2" eb="4">
      <t>ザイセイ</t>
    </rPh>
    <rPh sb="4" eb="7">
      <t>ジュヨウガク</t>
    </rPh>
    <rPh sb="7" eb="9">
      <t>サンニュウ</t>
    </rPh>
    <rPh sb="9" eb="12">
      <t>ミコミガク</t>
    </rPh>
    <phoneticPr fontId="31"/>
  </si>
  <si>
    <t>水道事業会計</t>
    <phoneticPr fontId="5"/>
  </si>
  <si>
    <t>(Ｆ)</t>
    <phoneticPr fontId="5"/>
  </si>
  <si>
    <t>介護保険事業特別会計（介護サービス事業勘定）</t>
    <phoneticPr fontId="5"/>
  </si>
  <si>
    <t>-</t>
    <phoneticPr fontId="5"/>
  </si>
  <si>
    <t>-</t>
    <phoneticPr fontId="5"/>
  </si>
  <si>
    <t>-</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1.65</t>
  </si>
  <si>
    <t>▲ 4.80</t>
  </si>
  <si>
    <t>▲ 2.13</t>
  </si>
  <si>
    <t>一般会計</t>
  </si>
  <si>
    <t>国民健康保険事業特別会計（事業勘定）</t>
  </si>
  <si>
    <t>介護保険事業特別会計（保険事業勘定）</t>
  </si>
  <si>
    <t>水道事業会計</t>
  </si>
  <si>
    <t>真鶴魚座・ケープ真鶴特別会計</t>
  </si>
  <si>
    <t>後期高齢者医療特別会計</t>
  </si>
  <si>
    <t>下水道事業特別会計</t>
  </si>
  <si>
    <t>介護保険事業特別会計（介護サービス事業勘定）</t>
  </si>
  <si>
    <t>その他会計（赤字）</t>
  </si>
  <si>
    <t>その他会計（黒字）</t>
  </si>
  <si>
    <t>（百万円）</t>
    <phoneticPr fontId="5"/>
  </si>
  <si>
    <t>H28末</t>
    <phoneticPr fontId="5"/>
  </si>
  <si>
    <t>H29末</t>
    <phoneticPr fontId="5"/>
  </si>
  <si>
    <t>H30末</t>
    <phoneticPr fontId="5"/>
  </si>
  <si>
    <t>R01末</t>
    <phoneticPr fontId="5"/>
  </si>
  <si>
    <t>R02末</t>
    <phoneticPr fontId="5"/>
  </si>
  <si>
    <t>-</t>
    <phoneticPr fontId="2"/>
  </si>
  <si>
    <t>湯河原町真鶴町衛生組合</t>
    <rPh sb="0" eb="4">
      <t>ユガワラマチ</t>
    </rPh>
    <rPh sb="4" eb="7">
      <t>マナヅルマチ</t>
    </rPh>
    <rPh sb="7" eb="9">
      <t>エイセイ</t>
    </rPh>
    <rPh sb="9" eb="11">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9">
      <t>コウキコウレイシャ</t>
    </rPh>
    <rPh sb="9" eb="11">
      <t>イリョウ</t>
    </rPh>
    <rPh sb="11" eb="13">
      <t>コウイキ</t>
    </rPh>
    <rPh sb="13" eb="15">
      <t>レンゴウ</t>
    </rPh>
    <rPh sb="16" eb="20">
      <t>イッパンカイケイ</t>
    </rPh>
    <phoneticPr fontId="2"/>
  </si>
  <si>
    <t>神奈川県後期高齢者医療広域連合（事業会計）</t>
    <rPh sb="0" eb="4">
      <t>カナガワケン</t>
    </rPh>
    <rPh sb="4" eb="9">
      <t>コウキコウレイシャ</t>
    </rPh>
    <rPh sb="9" eb="11">
      <t>イリョウ</t>
    </rPh>
    <rPh sb="11" eb="13">
      <t>コウイキ</t>
    </rPh>
    <rPh sb="13" eb="15">
      <t>レンゴウ</t>
    </rPh>
    <rPh sb="16" eb="18">
      <t>ジギョウ</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公益財団法人かながわ海岸美化財団</t>
    <rPh sb="0" eb="2">
      <t>コウエキ</t>
    </rPh>
    <rPh sb="2" eb="6">
      <t>ザイダンホウジン</t>
    </rPh>
    <rPh sb="10" eb="12">
      <t>カイガン</t>
    </rPh>
    <rPh sb="12" eb="14">
      <t>ビカ</t>
    </rPh>
    <rPh sb="14" eb="16">
      <t>ザイダン</t>
    </rPh>
    <phoneticPr fontId="2"/>
  </si>
  <si>
    <t>公益財団法人かながわ健康財団</t>
    <rPh sb="0" eb="2">
      <t>コウエキ</t>
    </rPh>
    <rPh sb="2" eb="4">
      <t>ザイダン</t>
    </rPh>
    <rPh sb="4" eb="6">
      <t>ホウジン</t>
    </rPh>
    <rPh sb="10" eb="12">
      <t>ケンコウ</t>
    </rPh>
    <rPh sb="12" eb="14">
      <t>ザイダン</t>
    </rPh>
    <phoneticPr fontId="2"/>
  </si>
  <si>
    <t>教育施設整備基金</t>
    <rPh sb="0" eb="2">
      <t>キョウイク</t>
    </rPh>
    <rPh sb="2" eb="4">
      <t>シセツ</t>
    </rPh>
    <rPh sb="4" eb="6">
      <t>セイビ</t>
    </rPh>
    <rPh sb="6" eb="8">
      <t>キキン</t>
    </rPh>
    <phoneticPr fontId="5"/>
  </si>
  <si>
    <t>まちづくり推進事業基金</t>
    <rPh sb="5" eb="9">
      <t>スイシンジギョウ</t>
    </rPh>
    <rPh sb="9" eb="11">
      <t>キキン</t>
    </rPh>
    <phoneticPr fontId="5"/>
  </si>
  <si>
    <t>-</t>
    <phoneticPr fontId="2"/>
  </si>
  <si>
    <t>真鶴町過疎地域持続的発展特別事業基金</t>
    <rPh sb="0" eb="3">
      <t>マナヅルマチ</t>
    </rPh>
    <rPh sb="3" eb="7">
      <t>カソチイキ</t>
    </rPh>
    <rPh sb="7" eb="10">
      <t>ジゾクテキ</t>
    </rPh>
    <rPh sb="10" eb="12">
      <t>ハッテン</t>
    </rPh>
    <rPh sb="12" eb="14">
      <t>トクベツ</t>
    </rPh>
    <rPh sb="14" eb="16">
      <t>ジギョウ</t>
    </rPh>
    <rPh sb="16" eb="18">
      <t>キキン</t>
    </rPh>
    <phoneticPr fontId="5"/>
  </si>
  <si>
    <t>ふるさと応援基金</t>
    <rPh sb="4" eb="6">
      <t>オウエン</t>
    </rPh>
    <rPh sb="6" eb="8">
      <t>キキン</t>
    </rPh>
    <phoneticPr fontId="5"/>
  </si>
  <si>
    <t>感染症対策基金</t>
    <rPh sb="0" eb="7">
      <t>カンセンショウタイサクキキン</t>
    </rPh>
    <phoneticPr fontId="5"/>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令和２年度に比較し３４％近く減少しているが、類似団体平均に比較するといまだに高い水準にある。公共施設の老朽化も進んでおり、公共施設管理計画により公共施設の更新、維持または集約化等を適切に進め、将来負担の抑制を目指すとともに健全な財政運営に努める。</t>
    <rPh sb="0" eb="2">
      <t>ショウライ</t>
    </rPh>
    <rPh sb="2" eb="6">
      <t>フタンヒリツ</t>
    </rPh>
    <rPh sb="8" eb="10">
      <t>レイワ</t>
    </rPh>
    <rPh sb="11" eb="13">
      <t>ネンド</t>
    </rPh>
    <rPh sb="14" eb="16">
      <t>ヒカク</t>
    </rPh>
    <rPh sb="20" eb="21">
      <t>チカ</t>
    </rPh>
    <rPh sb="22" eb="24">
      <t>ゲンショウ</t>
    </rPh>
    <rPh sb="30" eb="36">
      <t>ルイジダンタイヘイキン</t>
    </rPh>
    <rPh sb="37" eb="39">
      <t>ヒカク</t>
    </rPh>
    <rPh sb="46" eb="47">
      <t>タカ</t>
    </rPh>
    <rPh sb="48" eb="50">
      <t>スイジュン</t>
    </rPh>
    <rPh sb="54" eb="58">
      <t>コウキョウシセツ</t>
    </rPh>
    <rPh sb="59" eb="62">
      <t>ロウキュウカ</t>
    </rPh>
    <rPh sb="63" eb="64">
      <t>スス</t>
    </rPh>
    <rPh sb="69" eb="73">
      <t>コウキョウシセツ</t>
    </rPh>
    <rPh sb="73" eb="77">
      <t>カンリケイカク</t>
    </rPh>
    <rPh sb="80" eb="84">
      <t>コウキョウシセツ</t>
    </rPh>
    <rPh sb="85" eb="87">
      <t>コウシン</t>
    </rPh>
    <rPh sb="88" eb="90">
      <t>イジ</t>
    </rPh>
    <rPh sb="93" eb="96">
      <t>シュウヤクカ</t>
    </rPh>
    <rPh sb="96" eb="97">
      <t>トウ</t>
    </rPh>
    <rPh sb="98" eb="100">
      <t>テキセツ</t>
    </rPh>
    <rPh sb="101" eb="102">
      <t>スス</t>
    </rPh>
    <rPh sb="104" eb="108">
      <t>ショウライフタン</t>
    </rPh>
    <rPh sb="109" eb="111">
      <t>ヨクセイ</t>
    </rPh>
    <rPh sb="112" eb="114">
      <t>メザ</t>
    </rPh>
    <rPh sb="119" eb="121">
      <t>ケンゼン</t>
    </rPh>
    <rPh sb="122" eb="126">
      <t>ザイセイウンエイ</t>
    </rPh>
    <rPh sb="127" eb="128">
      <t>ツト</t>
    </rPh>
    <phoneticPr fontId="5"/>
  </si>
  <si>
    <t>将来負担比率は、令和２年度に比較し３４％近く減少しているが、類似団体平均に比較するといまだに高い水準にある。下水道事業、湯河原町真鶴町衛生組合での事業への負担等が継続している。町の基金の残高は増加傾向ではあるが、潤沢とは言えない。実質公債費率については、平成29年度からの過疎指定を受けて、過疎対策を推進するための過疎債を毎年度継続して発行しており上昇傾向となっている。今後は、地方債の発行・償還により実質公債費比率が上昇していくことが考えられるため、これまで以上に公債費の適正化に取り組んでいく必要がある。</t>
    <rPh sb="54" eb="59">
      <t>ゲスイドウジギョウ</t>
    </rPh>
    <rPh sb="60" eb="64">
      <t>ユガワラマチ</t>
    </rPh>
    <rPh sb="64" eb="67">
      <t>マナヅルマチ</t>
    </rPh>
    <rPh sb="67" eb="71">
      <t>エイセイクミアイ</t>
    </rPh>
    <rPh sb="73" eb="75">
      <t>ジギョウ</t>
    </rPh>
    <rPh sb="77" eb="80">
      <t>フタントウ</t>
    </rPh>
    <rPh sb="81" eb="83">
      <t>ケイゾク</t>
    </rPh>
    <rPh sb="88" eb="89">
      <t>マチ</t>
    </rPh>
    <rPh sb="90" eb="92">
      <t>キキン</t>
    </rPh>
    <rPh sb="93" eb="95">
      <t>ザンダカ</t>
    </rPh>
    <rPh sb="96" eb="100">
      <t>ゾウカケイコウ</t>
    </rPh>
    <rPh sb="106" eb="108">
      <t>ジュンタク</t>
    </rPh>
    <rPh sb="110" eb="111">
      <t>イ</t>
    </rPh>
    <rPh sb="115" eb="117">
      <t>ジッシツ</t>
    </rPh>
    <rPh sb="117" eb="120">
      <t>コウサイヒ</t>
    </rPh>
    <rPh sb="120" eb="121">
      <t>リツ</t>
    </rPh>
    <rPh sb="127" eb="129">
      <t>ヘイセイ</t>
    </rPh>
    <rPh sb="131" eb="133">
      <t>ネンド</t>
    </rPh>
    <rPh sb="136" eb="140">
      <t>カソシテイ</t>
    </rPh>
    <rPh sb="141" eb="142">
      <t>ウ</t>
    </rPh>
    <rPh sb="145" eb="149">
      <t>カソタイサク</t>
    </rPh>
    <rPh sb="150" eb="152">
      <t>スイシン</t>
    </rPh>
    <rPh sb="157" eb="160">
      <t>カソサイ</t>
    </rPh>
    <rPh sb="161" eb="164">
      <t>マイネンド</t>
    </rPh>
    <rPh sb="164" eb="166">
      <t>ケイゾク</t>
    </rPh>
    <rPh sb="168" eb="170">
      <t>ハッコウ</t>
    </rPh>
    <rPh sb="174" eb="178">
      <t>ジョウショウケイコウ</t>
    </rPh>
    <rPh sb="185" eb="187">
      <t>コンゴ</t>
    </rPh>
    <rPh sb="189" eb="192">
      <t>チホウサイ</t>
    </rPh>
    <rPh sb="193" eb="195">
      <t>ハッコウ</t>
    </rPh>
    <rPh sb="196" eb="198">
      <t>ショウカン</t>
    </rPh>
    <rPh sb="201" eb="203">
      <t>ジッシツ</t>
    </rPh>
    <rPh sb="203" eb="206">
      <t>コウサイヒ</t>
    </rPh>
    <rPh sb="206" eb="208">
      <t>ヒリツ</t>
    </rPh>
    <rPh sb="209" eb="211">
      <t>ジョウショウ</t>
    </rPh>
    <rPh sb="218" eb="219">
      <t>カンガ</t>
    </rPh>
    <rPh sb="230" eb="232">
      <t>イジョウ</t>
    </rPh>
    <rPh sb="233" eb="235">
      <t>コウサイ</t>
    </rPh>
    <rPh sb="235" eb="236">
      <t>ヒ</t>
    </rPh>
    <rPh sb="237" eb="240">
      <t>テキセイカ</t>
    </rPh>
    <rPh sb="241" eb="242">
      <t>ト</t>
    </rPh>
    <rPh sb="243" eb="244">
      <t>ク</t>
    </rPh>
    <rPh sb="248" eb="250">
      <t>ヒツ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116162</c:v>
                </c:pt>
                <c:pt idx="1">
                  <c:v>121449</c:v>
                </c:pt>
                <c:pt idx="2">
                  <c:v>145139</c:v>
                </c:pt>
                <c:pt idx="3">
                  <c:v>125391</c:v>
                </c:pt>
                <c:pt idx="4">
                  <c:v>138402</c:v>
                </c:pt>
              </c:numCache>
            </c:numRef>
          </c:val>
          <c:smooth val="0"/>
          <c:extLst>
            <c:ext xmlns:c16="http://schemas.microsoft.com/office/drawing/2014/chart" uri="{C3380CC4-5D6E-409C-BE32-E72D297353CC}">
              <c16:uniqueId val="{00000000-4A97-4DF8-B9F9-E79257A5E9E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11893</c:v>
                </c:pt>
                <c:pt idx="1">
                  <c:v>21043</c:v>
                </c:pt>
                <c:pt idx="2">
                  <c:v>97977</c:v>
                </c:pt>
                <c:pt idx="3">
                  <c:v>59693</c:v>
                </c:pt>
                <c:pt idx="4">
                  <c:v>22515</c:v>
                </c:pt>
              </c:numCache>
            </c:numRef>
          </c:val>
          <c:smooth val="0"/>
          <c:extLst>
            <c:ext xmlns:c16="http://schemas.microsoft.com/office/drawing/2014/chart" uri="{C3380CC4-5D6E-409C-BE32-E72D297353CC}">
              <c16:uniqueId val="{00000001-4A97-4DF8-B9F9-E79257A5E9EA}"/>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13.28</c:v>
                </c:pt>
                <c:pt idx="1">
                  <c:v>10.24</c:v>
                </c:pt>
                <c:pt idx="2">
                  <c:v>8.06</c:v>
                </c:pt>
                <c:pt idx="3">
                  <c:v>6.75</c:v>
                </c:pt>
                <c:pt idx="4">
                  <c:v>13.59</c:v>
                </c:pt>
              </c:numCache>
            </c:numRef>
          </c:val>
          <c:extLst>
            <c:ext xmlns:c16="http://schemas.microsoft.com/office/drawing/2014/chart" uri="{C3380CC4-5D6E-409C-BE32-E72D297353CC}">
              <c16:uniqueId val="{00000000-0781-4966-B5E1-8EDCFEDB3942}"/>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5.12</c:v>
                </c:pt>
                <c:pt idx="1">
                  <c:v>16.57</c:v>
                </c:pt>
                <c:pt idx="2">
                  <c:v>13.51</c:v>
                </c:pt>
                <c:pt idx="3">
                  <c:v>11.36</c:v>
                </c:pt>
                <c:pt idx="4">
                  <c:v>13.39</c:v>
                </c:pt>
              </c:numCache>
            </c:numRef>
          </c:val>
          <c:extLst>
            <c:ext xmlns:c16="http://schemas.microsoft.com/office/drawing/2014/chart" uri="{C3380CC4-5D6E-409C-BE32-E72D297353CC}">
              <c16:uniqueId val="{00000001-0781-4966-B5E1-8EDCFEDB3942}"/>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1.89</c:v>
                </c:pt>
                <c:pt idx="1">
                  <c:v>-1.65</c:v>
                </c:pt>
                <c:pt idx="2">
                  <c:v>-4.8</c:v>
                </c:pt>
                <c:pt idx="3">
                  <c:v>-2.13</c:v>
                </c:pt>
                <c:pt idx="4">
                  <c:v>10.41</c:v>
                </c:pt>
              </c:numCache>
            </c:numRef>
          </c:val>
          <c:smooth val="0"/>
          <c:extLst>
            <c:ext xmlns:c16="http://schemas.microsoft.com/office/drawing/2014/chart" uri="{C3380CC4-5D6E-409C-BE32-E72D297353CC}">
              <c16:uniqueId val="{00000002-0781-4966-B5E1-8EDCFEDB3942}"/>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02</c:v>
                </c:pt>
                <c:pt idx="2">
                  <c:v>#N/A</c:v>
                </c:pt>
                <c:pt idx="3">
                  <c:v>0.06</c:v>
                </c:pt>
                <c:pt idx="4">
                  <c:v>#N/A</c:v>
                </c:pt>
                <c:pt idx="5">
                  <c:v>0.09</c:v>
                </c:pt>
                <c:pt idx="6">
                  <c:v>#N/A</c:v>
                </c:pt>
                <c:pt idx="7">
                  <c:v>0.05</c:v>
                </c:pt>
                <c:pt idx="8">
                  <c:v>#N/A</c:v>
                </c:pt>
                <c:pt idx="9">
                  <c:v>0.02</c:v>
                </c:pt>
              </c:numCache>
            </c:numRef>
          </c:val>
          <c:extLst>
            <c:ext xmlns:c16="http://schemas.microsoft.com/office/drawing/2014/chart" uri="{C3380CC4-5D6E-409C-BE32-E72D297353CC}">
              <c16:uniqueId val="{00000000-E71C-4506-B34E-FBD52AE4E9B5}"/>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E71C-4506-B34E-FBD52AE4E9B5}"/>
            </c:ext>
          </c:extLst>
        </c:ser>
        <c:ser>
          <c:idx val="2"/>
          <c:order val="2"/>
          <c:tx>
            <c:strRef>
              <c:f>データシート!$A$29</c:f>
              <c:strCache>
                <c:ptCount val="1"/>
                <c:pt idx="0">
                  <c:v>介護保険事業特別会計（介護サービス事業勘定）</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11</c:v>
                </c:pt>
                <c:pt idx="2">
                  <c:v>#N/A</c:v>
                </c:pt>
                <c:pt idx="3">
                  <c:v>0.06</c:v>
                </c:pt>
                <c:pt idx="4">
                  <c:v>#N/A</c:v>
                </c:pt>
                <c:pt idx="5">
                  <c:v>0.05</c:v>
                </c:pt>
                <c:pt idx="6">
                  <c:v>#N/A</c:v>
                </c:pt>
                <c:pt idx="7">
                  <c:v>0.02</c:v>
                </c:pt>
                <c:pt idx="8">
                  <c:v>#N/A</c:v>
                </c:pt>
                <c:pt idx="9">
                  <c:v>7.0000000000000007E-2</c:v>
                </c:pt>
              </c:numCache>
            </c:numRef>
          </c:val>
          <c:extLst>
            <c:ext xmlns:c16="http://schemas.microsoft.com/office/drawing/2014/chart" uri="{C3380CC4-5D6E-409C-BE32-E72D297353CC}">
              <c16:uniqueId val="{00000002-E71C-4506-B34E-FBD52AE4E9B5}"/>
            </c:ext>
          </c:extLst>
        </c:ser>
        <c:ser>
          <c:idx val="3"/>
          <c:order val="3"/>
          <c:tx>
            <c:strRef>
              <c:f>データシート!$A$30</c:f>
              <c:strCache>
                <c:ptCount val="1"/>
                <c:pt idx="0">
                  <c:v>下水道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1</c:v>
                </c:pt>
                <c:pt idx="2">
                  <c:v>#N/A</c:v>
                </c:pt>
                <c:pt idx="3">
                  <c:v>0.08</c:v>
                </c:pt>
                <c:pt idx="4">
                  <c:v>#N/A</c:v>
                </c:pt>
                <c:pt idx="5">
                  <c:v>0.16</c:v>
                </c:pt>
                <c:pt idx="6">
                  <c:v>#N/A</c:v>
                </c:pt>
                <c:pt idx="7">
                  <c:v>0.12</c:v>
                </c:pt>
                <c:pt idx="8">
                  <c:v>#N/A</c:v>
                </c:pt>
                <c:pt idx="9">
                  <c:v>0.09</c:v>
                </c:pt>
              </c:numCache>
            </c:numRef>
          </c:val>
          <c:extLst>
            <c:ext xmlns:c16="http://schemas.microsoft.com/office/drawing/2014/chart" uri="{C3380CC4-5D6E-409C-BE32-E72D297353CC}">
              <c16:uniqueId val="{00000003-E71C-4506-B34E-FBD52AE4E9B5}"/>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03</c:v>
                </c:pt>
                <c:pt idx="2">
                  <c:v>#N/A</c:v>
                </c:pt>
                <c:pt idx="3">
                  <c:v>0.05</c:v>
                </c:pt>
                <c:pt idx="4">
                  <c:v>#N/A</c:v>
                </c:pt>
                <c:pt idx="5">
                  <c:v>0.28999999999999998</c:v>
                </c:pt>
                <c:pt idx="6">
                  <c:v>#N/A</c:v>
                </c:pt>
                <c:pt idx="7">
                  <c:v>7.0000000000000007E-2</c:v>
                </c:pt>
                <c:pt idx="8">
                  <c:v>#N/A</c:v>
                </c:pt>
                <c:pt idx="9">
                  <c:v>0.13</c:v>
                </c:pt>
              </c:numCache>
            </c:numRef>
          </c:val>
          <c:extLst>
            <c:ext xmlns:c16="http://schemas.microsoft.com/office/drawing/2014/chart" uri="{C3380CC4-5D6E-409C-BE32-E72D297353CC}">
              <c16:uniqueId val="{00000004-E71C-4506-B34E-FBD52AE4E9B5}"/>
            </c:ext>
          </c:extLst>
        </c:ser>
        <c:ser>
          <c:idx val="5"/>
          <c:order val="5"/>
          <c:tx>
            <c:strRef>
              <c:f>データシート!$A$32</c:f>
              <c:strCache>
                <c:ptCount val="1"/>
                <c:pt idx="0">
                  <c:v>真鶴魚座・ケープ真鶴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23</c:v>
                </c:pt>
                <c:pt idx="2">
                  <c:v>#N/A</c:v>
                </c:pt>
                <c:pt idx="3">
                  <c:v>0.26</c:v>
                </c:pt>
                <c:pt idx="4">
                  <c:v>#N/A</c:v>
                </c:pt>
                <c:pt idx="5">
                  <c:v>0.02</c:v>
                </c:pt>
                <c:pt idx="6">
                  <c:v>#N/A</c:v>
                </c:pt>
                <c:pt idx="7">
                  <c:v>0.12</c:v>
                </c:pt>
                <c:pt idx="8">
                  <c:v>#N/A</c:v>
                </c:pt>
                <c:pt idx="9">
                  <c:v>0.22</c:v>
                </c:pt>
              </c:numCache>
            </c:numRef>
          </c:val>
          <c:extLst>
            <c:ext xmlns:c16="http://schemas.microsoft.com/office/drawing/2014/chart" uri="{C3380CC4-5D6E-409C-BE32-E72D297353CC}">
              <c16:uniqueId val="{00000005-E71C-4506-B34E-FBD52AE4E9B5}"/>
            </c:ext>
          </c:extLst>
        </c:ser>
        <c:ser>
          <c:idx val="6"/>
          <c:order val="6"/>
          <c:tx>
            <c:strRef>
              <c:f>データシート!$A$33</c:f>
              <c:strCache>
                <c:ptCount val="1"/>
                <c:pt idx="0">
                  <c:v>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1200000000000001</c:v>
                </c:pt>
                <c:pt idx="2">
                  <c:v>#N/A</c:v>
                </c:pt>
                <c:pt idx="3">
                  <c:v>1.18</c:v>
                </c:pt>
                <c:pt idx="4">
                  <c:v>#N/A</c:v>
                </c:pt>
                <c:pt idx="5">
                  <c:v>0.85</c:v>
                </c:pt>
                <c:pt idx="6">
                  <c:v>#N/A</c:v>
                </c:pt>
                <c:pt idx="7">
                  <c:v>0.66</c:v>
                </c:pt>
                <c:pt idx="8">
                  <c:v>#N/A</c:v>
                </c:pt>
                <c:pt idx="9">
                  <c:v>1.31</c:v>
                </c:pt>
              </c:numCache>
            </c:numRef>
          </c:val>
          <c:extLst>
            <c:ext xmlns:c16="http://schemas.microsoft.com/office/drawing/2014/chart" uri="{C3380CC4-5D6E-409C-BE32-E72D297353CC}">
              <c16:uniqueId val="{00000006-E71C-4506-B34E-FBD52AE4E9B5}"/>
            </c:ext>
          </c:extLst>
        </c:ser>
        <c:ser>
          <c:idx val="7"/>
          <c:order val="7"/>
          <c:tx>
            <c:strRef>
              <c:f>データシート!$A$34</c:f>
              <c:strCache>
                <c:ptCount val="1"/>
                <c:pt idx="0">
                  <c:v>介護保険事業特別会計（保険事業勘定）</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1.41</c:v>
                </c:pt>
                <c:pt idx="2">
                  <c:v>#N/A</c:v>
                </c:pt>
                <c:pt idx="3">
                  <c:v>3.08</c:v>
                </c:pt>
                <c:pt idx="4">
                  <c:v>#N/A</c:v>
                </c:pt>
                <c:pt idx="5">
                  <c:v>1.94</c:v>
                </c:pt>
                <c:pt idx="6">
                  <c:v>#N/A</c:v>
                </c:pt>
                <c:pt idx="7">
                  <c:v>2.56</c:v>
                </c:pt>
                <c:pt idx="8">
                  <c:v>#N/A</c:v>
                </c:pt>
                <c:pt idx="9">
                  <c:v>1.96</c:v>
                </c:pt>
              </c:numCache>
            </c:numRef>
          </c:val>
          <c:extLst>
            <c:ext xmlns:c16="http://schemas.microsoft.com/office/drawing/2014/chart" uri="{C3380CC4-5D6E-409C-BE32-E72D297353CC}">
              <c16:uniqueId val="{00000007-E71C-4506-B34E-FBD52AE4E9B5}"/>
            </c:ext>
          </c:extLst>
        </c:ser>
        <c:ser>
          <c:idx val="8"/>
          <c:order val="8"/>
          <c:tx>
            <c:strRef>
              <c:f>データシート!$A$35</c:f>
              <c:strCache>
                <c:ptCount val="1"/>
                <c:pt idx="0">
                  <c:v>国民健康保険事業特別会計（事業勘定）</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6.44</c:v>
                </c:pt>
                <c:pt idx="2">
                  <c:v>#N/A</c:v>
                </c:pt>
                <c:pt idx="3">
                  <c:v>3.66</c:v>
                </c:pt>
                <c:pt idx="4">
                  <c:v>#N/A</c:v>
                </c:pt>
                <c:pt idx="5">
                  <c:v>2.2000000000000002</c:v>
                </c:pt>
                <c:pt idx="6">
                  <c:v>#N/A</c:v>
                </c:pt>
                <c:pt idx="7">
                  <c:v>2.96</c:v>
                </c:pt>
                <c:pt idx="8">
                  <c:v>#N/A</c:v>
                </c:pt>
                <c:pt idx="9">
                  <c:v>2.38</c:v>
                </c:pt>
              </c:numCache>
            </c:numRef>
          </c:val>
          <c:extLst>
            <c:ext xmlns:c16="http://schemas.microsoft.com/office/drawing/2014/chart" uri="{C3380CC4-5D6E-409C-BE32-E72D297353CC}">
              <c16:uniqueId val="{00000008-E71C-4506-B34E-FBD52AE4E9B5}"/>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13.03</c:v>
                </c:pt>
                <c:pt idx="2">
                  <c:v>#N/A</c:v>
                </c:pt>
                <c:pt idx="3">
                  <c:v>9.9700000000000006</c:v>
                </c:pt>
                <c:pt idx="4">
                  <c:v>#N/A</c:v>
                </c:pt>
                <c:pt idx="5">
                  <c:v>8.0399999999999991</c:v>
                </c:pt>
                <c:pt idx="6">
                  <c:v>#N/A</c:v>
                </c:pt>
                <c:pt idx="7">
                  <c:v>6.61</c:v>
                </c:pt>
                <c:pt idx="8">
                  <c:v>#N/A</c:v>
                </c:pt>
                <c:pt idx="9">
                  <c:v>13.36</c:v>
                </c:pt>
              </c:numCache>
            </c:numRef>
          </c:val>
          <c:extLst>
            <c:ext xmlns:c16="http://schemas.microsoft.com/office/drawing/2014/chart" uri="{C3380CC4-5D6E-409C-BE32-E72D297353CC}">
              <c16:uniqueId val="{00000009-E71C-4506-B34E-FBD52AE4E9B5}"/>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242</c:v>
                </c:pt>
                <c:pt idx="5">
                  <c:v>253</c:v>
                </c:pt>
                <c:pt idx="8">
                  <c:v>284</c:v>
                </c:pt>
                <c:pt idx="11">
                  <c:v>311</c:v>
                </c:pt>
                <c:pt idx="14">
                  <c:v>324</c:v>
                </c:pt>
              </c:numCache>
            </c:numRef>
          </c:val>
          <c:extLst>
            <c:ext xmlns:c16="http://schemas.microsoft.com/office/drawing/2014/chart" uri="{C3380CC4-5D6E-409C-BE32-E72D297353CC}">
              <c16:uniqueId val="{00000000-9936-4A69-856C-94C74FAF6381}"/>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9936-4A69-856C-94C74FAF6381}"/>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9936-4A69-856C-94C74FAF6381}"/>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72</c:v>
                </c:pt>
                <c:pt idx="3">
                  <c:v>77</c:v>
                </c:pt>
                <c:pt idx="6">
                  <c:v>83</c:v>
                </c:pt>
                <c:pt idx="9">
                  <c:v>105</c:v>
                </c:pt>
                <c:pt idx="12">
                  <c:v>105</c:v>
                </c:pt>
              </c:numCache>
            </c:numRef>
          </c:val>
          <c:extLst>
            <c:ext xmlns:c16="http://schemas.microsoft.com/office/drawing/2014/chart" uri="{C3380CC4-5D6E-409C-BE32-E72D297353CC}">
              <c16:uniqueId val="{00000003-9936-4A69-856C-94C74FAF6381}"/>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85</c:v>
                </c:pt>
                <c:pt idx="3">
                  <c:v>90</c:v>
                </c:pt>
                <c:pt idx="6">
                  <c:v>91</c:v>
                </c:pt>
                <c:pt idx="9">
                  <c:v>95</c:v>
                </c:pt>
                <c:pt idx="12">
                  <c:v>98</c:v>
                </c:pt>
              </c:numCache>
            </c:numRef>
          </c:val>
          <c:extLst>
            <c:ext xmlns:c16="http://schemas.microsoft.com/office/drawing/2014/chart" uri="{C3380CC4-5D6E-409C-BE32-E72D297353CC}">
              <c16:uniqueId val="{00000004-9936-4A69-856C-94C74FAF6381}"/>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9936-4A69-856C-94C74FAF6381}"/>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9936-4A69-856C-94C74FAF6381}"/>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276</c:v>
                </c:pt>
                <c:pt idx="3">
                  <c:v>303</c:v>
                </c:pt>
                <c:pt idx="6">
                  <c:v>326</c:v>
                </c:pt>
                <c:pt idx="9">
                  <c:v>361</c:v>
                </c:pt>
                <c:pt idx="12">
                  <c:v>385</c:v>
                </c:pt>
              </c:numCache>
            </c:numRef>
          </c:val>
          <c:extLst>
            <c:ext xmlns:c16="http://schemas.microsoft.com/office/drawing/2014/chart" uri="{C3380CC4-5D6E-409C-BE32-E72D297353CC}">
              <c16:uniqueId val="{00000007-9936-4A69-856C-94C74FAF6381}"/>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91</c:v>
                </c:pt>
                <c:pt idx="2">
                  <c:v>#N/A</c:v>
                </c:pt>
                <c:pt idx="3">
                  <c:v>#N/A</c:v>
                </c:pt>
                <c:pt idx="4">
                  <c:v>217</c:v>
                </c:pt>
                <c:pt idx="5">
                  <c:v>#N/A</c:v>
                </c:pt>
                <c:pt idx="6">
                  <c:v>#N/A</c:v>
                </c:pt>
                <c:pt idx="7">
                  <c:v>216</c:v>
                </c:pt>
                <c:pt idx="8">
                  <c:v>#N/A</c:v>
                </c:pt>
                <c:pt idx="9">
                  <c:v>#N/A</c:v>
                </c:pt>
                <c:pt idx="10">
                  <c:v>250</c:v>
                </c:pt>
                <c:pt idx="11">
                  <c:v>#N/A</c:v>
                </c:pt>
                <c:pt idx="12">
                  <c:v>#N/A</c:v>
                </c:pt>
                <c:pt idx="13">
                  <c:v>264</c:v>
                </c:pt>
                <c:pt idx="14">
                  <c:v>#N/A</c:v>
                </c:pt>
              </c:numCache>
            </c:numRef>
          </c:val>
          <c:smooth val="0"/>
          <c:extLst>
            <c:ext xmlns:c16="http://schemas.microsoft.com/office/drawing/2014/chart" uri="{C3380CC4-5D6E-409C-BE32-E72D297353CC}">
              <c16:uniqueId val="{00000008-9936-4A69-856C-94C74FAF6381}"/>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3297</c:v>
                </c:pt>
                <c:pt idx="5">
                  <c:v>3344</c:v>
                </c:pt>
                <c:pt idx="8">
                  <c:v>3592</c:v>
                </c:pt>
                <c:pt idx="11">
                  <c:v>3574</c:v>
                </c:pt>
                <c:pt idx="14">
                  <c:v>3533</c:v>
                </c:pt>
              </c:numCache>
            </c:numRef>
          </c:val>
          <c:extLst>
            <c:ext xmlns:c16="http://schemas.microsoft.com/office/drawing/2014/chart" uri="{C3380CC4-5D6E-409C-BE32-E72D297353CC}">
              <c16:uniqueId val="{00000000-0B6A-46C8-BCB8-81F05679A65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67</c:v>
                </c:pt>
                <c:pt idx="5">
                  <c:v>55</c:v>
                </c:pt>
                <c:pt idx="8">
                  <c:v>47</c:v>
                </c:pt>
                <c:pt idx="11">
                  <c:v>40</c:v>
                </c:pt>
                <c:pt idx="14">
                  <c:v>35</c:v>
                </c:pt>
              </c:numCache>
            </c:numRef>
          </c:val>
          <c:extLst>
            <c:ext xmlns:c16="http://schemas.microsoft.com/office/drawing/2014/chart" uri="{C3380CC4-5D6E-409C-BE32-E72D297353CC}">
              <c16:uniqueId val="{00000001-0B6A-46C8-BCB8-81F05679A65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481</c:v>
                </c:pt>
                <c:pt idx="5">
                  <c:v>595</c:v>
                </c:pt>
                <c:pt idx="8">
                  <c:v>556</c:v>
                </c:pt>
                <c:pt idx="11">
                  <c:v>512</c:v>
                </c:pt>
                <c:pt idx="14">
                  <c:v>751</c:v>
                </c:pt>
              </c:numCache>
            </c:numRef>
          </c:val>
          <c:extLst>
            <c:ext xmlns:c16="http://schemas.microsoft.com/office/drawing/2014/chart" uri="{C3380CC4-5D6E-409C-BE32-E72D297353CC}">
              <c16:uniqueId val="{00000002-0B6A-46C8-BCB8-81F05679A65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0B6A-46C8-BCB8-81F05679A65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0B6A-46C8-BCB8-81F05679A65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0B6A-46C8-BCB8-81F05679A65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888</c:v>
                </c:pt>
                <c:pt idx="3">
                  <c:v>816</c:v>
                </c:pt>
                <c:pt idx="6">
                  <c:v>827</c:v>
                </c:pt>
                <c:pt idx="9">
                  <c:v>861</c:v>
                </c:pt>
                <c:pt idx="12">
                  <c:v>731</c:v>
                </c:pt>
              </c:numCache>
            </c:numRef>
          </c:val>
          <c:extLst>
            <c:ext xmlns:c16="http://schemas.microsoft.com/office/drawing/2014/chart" uri="{C3380CC4-5D6E-409C-BE32-E72D297353CC}">
              <c16:uniqueId val="{00000006-0B6A-46C8-BCB8-81F05679A65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1138</c:v>
                </c:pt>
                <c:pt idx="3">
                  <c:v>1067</c:v>
                </c:pt>
                <c:pt idx="6">
                  <c:v>990</c:v>
                </c:pt>
                <c:pt idx="9">
                  <c:v>890</c:v>
                </c:pt>
                <c:pt idx="12">
                  <c:v>790</c:v>
                </c:pt>
              </c:numCache>
            </c:numRef>
          </c:val>
          <c:extLst>
            <c:ext xmlns:c16="http://schemas.microsoft.com/office/drawing/2014/chart" uri="{C3380CC4-5D6E-409C-BE32-E72D297353CC}">
              <c16:uniqueId val="{00000007-0B6A-46C8-BCB8-81F05679A65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728</c:v>
                </c:pt>
                <c:pt idx="3">
                  <c:v>1730</c:v>
                </c:pt>
                <c:pt idx="6">
                  <c:v>1743</c:v>
                </c:pt>
                <c:pt idx="9">
                  <c:v>1654</c:v>
                </c:pt>
                <c:pt idx="12">
                  <c:v>1648</c:v>
                </c:pt>
              </c:numCache>
            </c:numRef>
          </c:val>
          <c:extLst>
            <c:ext xmlns:c16="http://schemas.microsoft.com/office/drawing/2014/chart" uri="{C3380CC4-5D6E-409C-BE32-E72D297353CC}">
              <c16:uniqueId val="{00000008-0B6A-46C8-BCB8-81F05679A65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0B6A-46C8-BCB8-81F05679A65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3075</c:v>
                </c:pt>
                <c:pt idx="3">
                  <c:v>3235</c:v>
                </c:pt>
                <c:pt idx="6">
                  <c:v>3481</c:v>
                </c:pt>
                <c:pt idx="9">
                  <c:v>3500</c:v>
                </c:pt>
                <c:pt idx="12">
                  <c:v>3464</c:v>
                </c:pt>
              </c:numCache>
            </c:numRef>
          </c:val>
          <c:extLst>
            <c:ext xmlns:c16="http://schemas.microsoft.com/office/drawing/2014/chart" uri="{C3380CC4-5D6E-409C-BE32-E72D297353CC}">
              <c16:uniqueId val="{0000000A-0B6A-46C8-BCB8-81F05679A65E}"/>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2983</c:v>
                </c:pt>
                <c:pt idx="2">
                  <c:v>#N/A</c:v>
                </c:pt>
                <c:pt idx="3">
                  <c:v>#N/A</c:v>
                </c:pt>
                <c:pt idx="4">
                  <c:v>2854</c:v>
                </c:pt>
                <c:pt idx="5">
                  <c:v>#N/A</c:v>
                </c:pt>
                <c:pt idx="6">
                  <c:v>#N/A</c:v>
                </c:pt>
                <c:pt idx="7">
                  <c:v>2846</c:v>
                </c:pt>
                <c:pt idx="8">
                  <c:v>#N/A</c:v>
                </c:pt>
                <c:pt idx="9">
                  <c:v>#N/A</c:v>
                </c:pt>
                <c:pt idx="10">
                  <c:v>2779</c:v>
                </c:pt>
                <c:pt idx="11">
                  <c:v>#N/A</c:v>
                </c:pt>
                <c:pt idx="12">
                  <c:v>#N/A</c:v>
                </c:pt>
                <c:pt idx="13">
                  <c:v>2314</c:v>
                </c:pt>
                <c:pt idx="14">
                  <c:v>#N/A</c:v>
                </c:pt>
              </c:numCache>
            </c:numRef>
          </c:val>
          <c:smooth val="0"/>
          <c:extLst>
            <c:ext xmlns:c16="http://schemas.microsoft.com/office/drawing/2014/chart" uri="{C3380CC4-5D6E-409C-BE32-E72D297353CC}">
              <c16:uniqueId val="{0000000B-0B6A-46C8-BCB8-81F05679A65E}"/>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290</c:v>
                </c:pt>
                <c:pt idx="1">
                  <c:v>260</c:v>
                </c:pt>
                <c:pt idx="2">
                  <c:v>335</c:v>
                </c:pt>
              </c:numCache>
            </c:numRef>
          </c:val>
          <c:extLst>
            <c:ext xmlns:c16="http://schemas.microsoft.com/office/drawing/2014/chart" uri="{C3380CC4-5D6E-409C-BE32-E72D297353CC}">
              <c16:uniqueId val="{00000000-3E04-4115-8C86-2131BF9A9F4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3E04-4115-8C86-2131BF9A9F4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78</c:v>
                </c:pt>
                <c:pt idx="1">
                  <c:v>78</c:v>
                </c:pt>
                <c:pt idx="2">
                  <c:v>215</c:v>
                </c:pt>
              </c:numCache>
            </c:numRef>
          </c:val>
          <c:extLst>
            <c:ext xmlns:c16="http://schemas.microsoft.com/office/drawing/2014/chart" uri="{C3380CC4-5D6E-409C-BE32-E72D297353CC}">
              <c16:uniqueId val="{00000002-3E04-4115-8C86-2131BF9A9F41}"/>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1]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1]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DE42C7E-5D7F-4C0A-B5C2-B9A04A088801}</c15:txfldGUID>
                      <c15:f>[1]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E0E4-423E-A7DC-47A2AD700952}"/>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EAC6F30-1EB1-4DF4-AC84-DA3D25557F2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E0E4-423E-A7DC-47A2AD700952}"/>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AC2B46B-1730-4825-A525-550363992EE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E0E4-423E-A7DC-47A2AD700952}"/>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7F7709F-60F4-417D-A86E-FBBCB4BF9BE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E0E4-423E-A7DC-47A2AD700952}"/>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436793E-5BE7-4C2C-8E44-411130D358B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E0E4-423E-A7DC-47A2AD700952}"/>
                </c:ext>
              </c:extLst>
            </c:dLbl>
            <c:dLbl>
              <c:idx val="8"/>
              <c:tx>
                <c:strRef>
                  <c:f>[1]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D653EEA-D5C7-41FB-8A0D-333184DCFED5}</c15:txfldGUID>
                      <c15:f>[1]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E0E4-423E-A7DC-47A2AD700952}"/>
                </c:ext>
              </c:extLst>
            </c:dLbl>
            <c:dLbl>
              <c:idx val="16"/>
              <c:tx>
                <c:strRef>
                  <c:f>[1]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FBC9BD2-3CCB-4585-B0A3-7C54524C4ED7}</c15:txfldGUID>
                      <c15:f>[1]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E0E4-423E-A7DC-47A2AD700952}"/>
                </c:ext>
              </c:extLst>
            </c:dLbl>
            <c:dLbl>
              <c:idx val="24"/>
              <c:tx>
                <c:strRef>
                  <c:f>[1]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26EC016-3CFE-4D45-A6F7-3E4BD9012345}</c15:txfldGUID>
                      <c15:f>[1]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E0E4-423E-A7DC-47A2AD700952}"/>
                </c:ext>
              </c:extLst>
            </c:dLbl>
            <c:dLbl>
              <c:idx val="32"/>
              <c:tx>
                <c:strRef>
                  <c:f>[1]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939AFDE-84A3-4577-96BE-9A5DADCDD3D4}</c15:txfldGUID>
                      <c15:f>[1]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E0E4-423E-A7DC-47A2AD700952}"/>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1]公会計指標分析・財政指標組合せ分析表!$BP$53:$DC$53</c:f>
              <c:numCache>
                <c:formatCode>General</c:formatCode>
                <c:ptCount val="40"/>
                <c:pt idx="0">
                  <c:v>52.5</c:v>
                </c:pt>
                <c:pt idx="8">
                  <c:v>63.2</c:v>
                </c:pt>
                <c:pt idx="16">
                  <c:v>62.4</c:v>
                </c:pt>
                <c:pt idx="24">
                  <c:v>64.7</c:v>
                </c:pt>
                <c:pt idx="32">
                  <c:v>66.8</c:v>
                </c:pt>
              </c:numCache>
            </c:numRef>
          </c:xVal>
          <c:yVal>
            <c:numRef>
              <c:f>[1]公会計指標分析・財政指標組合せ分析表!$BP$51:$DC$51</c:f>
              <c:numCache>
                <c:formatCode>General</c:formatCode>
                <c:ptCount val="40"/>
                <c:pt idx="0">
                  <c:v>158.6</c:v>
                </c:pt>
                <c:pt idx="8">
                  <c:v>153</c:v>
                </c:pt>
                <c:pt idx="16">
                  <c:v>152.19999999999999</c:v>
                </c:pt>
                <c:pt idx="24">
                  <c:v>140.1</c:v>
                </c:pt>
                <c:pt idx="32">
                  <c:v>106</c:v>
                </c:pt>
              </c:numCache>
            </c:numRef>
          </c:yVal>
          <c:smooth val="0"/>
          <c:extLst>
            <c:ext xmlns:c16="http://schemas.microsoft.com/office/drawing/2014/chart" uri="{C3380CC4-5D6E-409C-BE32-E72D297353CC}">
              <c16:uniqueId val="{00000009-E0E4-423E-A7DC-47A2AD700952}"/>
            </c:ext>
          </c:extLst>
        </c:ser>
        <c:ser>
          <c:idx val="1"/>
          <c:order val="1"/>
          <c:tx>
            <c:strRef>
              <c:f>[1]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1]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BFEBE23-E324-4D5B-9F08-108F08D9183F}</c15:txfldGUID>
                      <c15:f>[1]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E0E4-423E-A7DC-47A2AD700952}"/>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CD191E1-4832-4170-8838-CE0D7A46784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E0E4-423E-A7DC-47A2AD700952}"/>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5D7E9D8-9F36-49FE-AF11-F2FFABA2F28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E0E4-423E-A7DC-47A2AD700952}"/>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8F8AF73-70CE-4113-8699-58AC36441B9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E0E4-423E-A7DC-47A2AD700952}"/>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374BB5D-6478-44D3-BEEA-F086514059F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E0E4-423E-A7DC-47A2AD700952}"/>
                </c:ext>
              </c:extLst>
            </c:dLbl>
            <c:dLbl>
              <c:idx val="8"/>
              <c:layout>
                <c:manualLayout>
                  <c:x val="-4.3588404324934479E-2"/>
                  <c:y val="-6.4739042105865174E-2"/>
                </c:manualLayout>
              </c:layout>
              <c:tx>
                <c:strRef>
                  <c:f>[1]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D18C443-0D53-47A7-BEF8-653DE560F9F7}</c15:txfldGUID>
                      <c15:f>[1]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E0E4-423E-A7DC-47A2AD700952}"/>
                </c:ext>
              </c:extLst>
            </c:dLbl>
            <c:dLbl>
              <c:idx val="16"/>
              <c:layout>
                <c:manualLayout>
                  <c:x val="-2.0572546794871981E-2"/>
                  <c:y val="-0.10693566876288378"/>
                </c:manualLayout>
              </c:layout>
              <c:tx>
                <c:strRef>
                  <c:f>[1]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8C4463A-DC4E-4AAC-8B0D-B3D6330B7942}</c15:txfldGUID>
                      <c15:f>[1]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E0E4-423E-A7DC-47A2AD700952}"/>
                </c:ext>
              </c:extLst>
            </c:dLbl>
            <c:dLbl>
              <c:idx val="24"/>
              <c:layout>
                <c:manualLayout>
                  <c:x val="-3.2015750650234161E-2"/>
                  <c:y val="-3.0039739672640606E-2"/>
                </c:manualLayout>
              </c:layout>
              <c:tx>
                <c:strRef>
                  <c:f>[1]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B32A721-21D8-43C1-86E2-F82CC7684957}</c15:txfldGUID>
                      <c15:f>[1]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E0E4-423E-A7DC-47A2AD700952}"/>
                </c:ext>
              </c:extLst>
            </c:dLbl>
            <c:dLbl>
              <c:idx val="32"/>
              <c:layout>
                <c:manualLayout>
                  <c:x val="-3.2015750650234161E-2"/>
                  <c:y val="-5.7241185035830359E-2"/>
                </c:manualLayout>
              </c:layout>
              <c:tx>
                <c:strRef>
                  <c:f>[1]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FE043B8-95F3-46E4-B132-6F1F99BFB1CA}</c15:txfldGUID>
                      <c15:f>[1]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E0E4-423E-A7DC-47A2AD700952}"/>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1]公会計指標分析・財政指標組合せ分析表!$BP$57:$DC$57</c:f>
              <c:numCache>
                <c:formatCode>General</c:formatCode>
                <c:ptCount val="40"/>
                <c:pt idx="0">
                  <c:v>59.2</c:v>
                </c:pt>
                <c:pt idx="8">
                  <c:v>63.4</c:v>
                </c:pt>
                <c:pt idx="16">
                  <c:v>63.3</c:v>
                </c:pt>
                <c:pt idx="24">
                  <c:v>62.8</c:v>
                </c:pt>
                <c:pt idx="32">
                  <c:v>62.8</c:v>
                </c:pt>
              </c:numCache>
            </c:numRef>
          </c:xVal>
          <c:yVal>
            <c:numRef>
              <c:f>[1]公会計指標分析・財政指標組合せ分析表!$BP$55:$DC$55</c:f>
              <c:numCache>
                <c:formatCode>General</c:formatCode>
                <c:ptCount val="40"/>
                <c:pt idx="0">
                  <c:v>23.4</c:v>
                </c:pt>
                <c:pt idx="8">
                  <c:v>7.6</c:v>
                </c:pt>
                <c:pt idx="16">
                  <c:v>3</c:v>
                </c:pt>
                <c:pt idx="24">
                  <c:v>3.4</c:v>
                </c:pt>
                <c:pt idx="32">
                  <c:v>0</c:v>
                </c:pt>
              </c:numCache>
            </c:numRef>
          </c:yVal>
          <c:smooth val="0"/>
          <c:extLst>
            <c:ext xmlns:c16="http://schemas.microsoft.com/office/drawing/2014/chart" uri="{C3380CC4-5D6E-409C-BE32-E72D297353CC}">
              <c16:uniqueId val="{00000013-E0E4-423E-A7DC-47A2AD700952}"/>
            </c:ext>
          </c:extLst>
        </c:ser>
        <c:dLbls>
          <c:showLegendKey val="0"/>
          <c:showVal val="1"/>
          <c:showCatName val="0"/>
          <c:showSerName val="0"/>
          <c:showPercent val="0"/>
          <c:showBubbleSize val="0"/>
        </c:dLbls>
        <c:axId val="46179840"/>
        <c:axId val="46181760"/>
      </c:scatterChart>
      <c:valAx>
        <c:axId val="46179840"/>
        <c:scaling>
          <c:orientation val="maxMin"/>
          <c:max val="7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80"/>
          <c:min val="-4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4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1]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1]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88F7336-CC35-425B-86E1-2931F3F852B2}</c15:txfldGUID>
                      <c15:f>[1]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4BF1-4414-A6D3-C93E340A06C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8C7ACB9-5D46-414D-AA75-B291BAE3DF4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4BF1-4414-A6D3-C93E340A06C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9550CCD-337A-4BDA-9A4B-0F5AD69C605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4BF1-4414-A6D3-C93E340A06C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5233C0-8790-4613-8F08-D09334D8619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4BF1-4414-A6D3-C93E340A06C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0892E46-A34F-4688-9905-41FD08E8AFC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4BF1-4414-A6D3-C93E340A06C0}"/>
                </c:ext>
              </c:extLst>
            </c:dLbl>
            <c:dLbl>
              <c:idx val="8"/>
              <c:tx>
                <c:strRef>
                  <c:f>[1]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0A9018D-005C-469A-8629-F46CC0E0CF35}</c15:txfldGUID>
                      <c15:f>[1]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4BF1-4414-A6D3-C93E340A06C0}"/>
                </c:ext>
              </c:extLst>
            </c:dLbl>
            <c:dLbl>
              <c:idx val="16"/>
              <c:tx>
                <c:strRef>
                  <c:f>[1]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23D5580-CDDF-4069-8733-AFFBCCBF7C16}</c15:txfldGUID>
                      <c15:f>[1]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4BF1-4414-A6D3-C93E340A06C0}"/>
                </c:ext>
              </c:extLst>
            </c:dLbl>
            <c:dLbl>
              <c:idx val="24"/>
              <c:tx>
                <c:strRef>
                  <c:f>[1]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A6EB597-77F9-45F6-ADB7-A350E439996A}</c15:txfldGUID>
                      <c15:f>[1]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4BF1-4414-A6D3-C93E340A06C0}"/>
                </c:ext>
              </c:extLst>
            </c:dLbl>
            <c:dLbl>
              <c:idx val="32"/>
              <c:tx>
                <c:strRef>
                  <c:f>[1]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DEC0E02-3EDF-4349-AA18-8FAC7A706403}</c15:txfldGUID>
                      <c15:f>[1]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4BF1-4414-A6D3-C93E340A06C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1]公会計指標分析・財政指標組合せ分析表!$BP$75:$DC$75</c:f>
              <c:numCache>
                <c:formatCode>General</c:formatCode>
                <c:ptCount val="40"/>
                <c:pt idx="0">
                  <c:v>8.4</c:v>
                </c:pt>
                <c:pt idx="8">
                  <c:v>9.6999999999999993</c:v>
                </c:pt>
                <c:pt idx="16">
                  <c:v>11.1</c:v>
                </c:pt>
                <c:pt idx="24">
                  <c:v>11.9</c:v>
                </c:pt>
                <c:pt idx="32">
                  <c:v>12</c:v>
                </c:pt>
              </c:numCache>
            </c:numRef>
          </c:xVal>
          <c:yVal>
            <c:numRef>
              <c:f>[1]公会計指標分析・財政指標組合せ分析表!$BP$73:$DC$73</c:f>
              <c:numCache>
                <c:formatCode>General</c:formatCode>
                <c:ptCount val="40"/>
                <c:pt idx="0">
                  <c:v>158.6</c:v>
                </c:pt>
                <c:pt idx="8">
                  <c:v>153</c:v>
                </c:pt>
                <c:pt idx="16">
                  <c:v>152.19999999999999</c:v>
                </c:pt>
                <c:pt idx="24">
                  <c:v>140.1</c:v>
                </c:pt>
                <c:pt idx="32">
                  <c:v>106</c:v>
                </c:pt>
              </c:numCache>
            </c:numRef>
          </c:yVal>
          <c:smooth val="0"/>
          <c:extLst>
            <c:ext xmlns:c16="http://schemas.microsoft.com/office/drawing/2014/chart" uri="{C3380CC4-5D6E-409C-BE32-E72D297353CC}">
              <c16:uniqueId val="{00000009-4BF1-4414-A6D3-C93E340A06C0}"/>
            </c:ext>
          </c:extLst>
        </c:ser>
        <c:ser>
          <c:idx val="1"/>
          <c:order val="1"/>
          <c:tx>
            <c:strRef>
              <c:f>[1]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1]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39FDB56-C013-4179-BFD1-B0BE16FB575D}</c15:txfldGUID>
                      <c15:f>[1]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4BF1-4414-A6D3-C93E340A06C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506AC57E-5DE6-4B72-9D71-E70B776D393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4BF1-4414-A6D3-C93E340A06C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C8105E1-6158-4C20-A7E5-746A38D151B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4BF1-4414-A6D3-C93E340A06C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5EF8540-F2B9-4A5E-B99E-16AA99652CF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4BF1-4414-A6D3-C93E340A06C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980D8FE-DCA5-41C4-B314-5E0B2E18E0A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4BF1-4414-A6D3-C93E340A06C0}"/>
                </c:ext>
              </c:extLst>
            </c:dLbl>
            <c:dLbl>
              <c:idx val="8"/>
              <c:layout>
                <c:manualLayout>
                  <c:x val="-3.1697991619110633E-2"/>
                  <c:y val="-5.0933038885353679E-2"/>
                </c:manualLayout>
              </c:layout>
              <c:tx>
                <c:strRef>
                  <c:f>[1]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A7A6900-1491-4C00-92CF-13BACCEC8C87}</c15:txfldGUID>
                      <c15:f>[1]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4BF1-4414-A6D3-C93E340A06C0}"/>
                </c:ext>
              </c:extLst>
            </c:dLbl>
            <c:dLbl>
              <c:idx val="16"/>
              <c:layout>
                <c:manualLayout>
                  <c:x val="-4.4905057365901176E-2"/>
                  <c:y val="-4.8529289879423829E-2"/>
                </c:manualLayout>
              </c:layout>
              <c:tx>
                <c:strRef>
                  <c:f>[1]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721D717-D2BD-4E04-B3FA-40BDAE030F9B}</c15:txfldGUID>
                      <c15:f>[1]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4BF1-4414-A6D3-C93E340A06C0}"/>
                </c:ext>
              </c:extLst>
            </c:dLbl>
            <c:dLbl>
              <c:idx val="24"/>
              <c:layout>
                <c:manualLayout>
                  <c:x val="-1.8235628084250128E-2"/>
                  <c:y val="-8.7787612498604367E-2"/>
                </c:manualLayout>
              </c:layout>
              <c:tx>
                <c:strRef>
                  <c:f>[1]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94017E0-4F7A-4EBA-B226-D54522D45D55}</c15:txfldGUID>
                      <c15:f>[1]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4BF1-4414-A6D3-C93E340A06C0}"/>
                </c:ext>
              </c:extLst>
            </c:dLbl>
            <c:dLbl>
              <c:idx val="32"/>
              <c:tx>
                <c:strRef>
                  <c:f>[1]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22D0C86-1D13-40E3-BAA4-9D0CC4651196}</c15:txfldGUID>
                      <c15:f>[1]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4BF1-4414-A6D3-C93E340A06C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1]公会計指標分析・財政指標組合せ分析表!$BP$79:$DC$79</c:f>
              <c:numCache>
                <c:formatCode>General</c:formatCode>
                <c:ptCount val="40"/>
                <c:pt idx="0">
                  <c:v>8.5</c:v>
                </c:pt>
                <c:pt idx="8">
                  <c:v>8.6</c:v>
                </c:pt>
                <c:pt idx="16">
                  <c:v>8.8000000000000007</c:v>
                </c:pt>
                <c:pt idx="24">
                  <c:v>8.8000000000000007</c:v>
                </c:pt>
                <c:pt idx="32">
                  <c:v>8.3000000000000007</c:v>
                </c:pt>
              </c:numCache>
            </c:numRef>
          </c:xVal>
          <c:yVal>
            <c:numRef>
              <c:f>[1]公会計指標分析・財政指標組合せ分析表!$BP$77:$DC$77</c:f>
              <c:numCache>
                <c:formatCode>General</c:formatCode>
                <c:ptCount val="40"/>
                <c:pt idx="0">
                  <c:v>23.4</c:v>
                </c:pt>
                <c:pt idx="8">
                  <c:v>7.6</c:v>
                </c:pt>
                <c:pt idx="16">
                  <c:v>3</c:v>
                </c:pt>
                <c:pt idx="24">
                  <c:v>3.4</c:v>
                </c:pt>
                <c:pt idx="32">
                  <c:v>0</c:v>
                </c:pt>
              </c:numCache>
            </c:numRef>
          </c:yVal>
          <c:smooth val="0"/>
          <c:extLst>
            <c:ext xmlns:c16="http://schemas.microsoft.com/office/drawing/2014/chart" uri="{C3380CC4-5D6E-409C-BE32-E72D297353CC}">
              <c16:uniqueId val="{00000013-4BF1-4414-A6D3-C93E340A06C0}"/>
            </c:ext>
          </c:extLst>
        </c:ser>
        <c:dLbls>
          <c:showLegendKey val="0"/>
          <c:showVal val="1"/>
          <c:showCatName val="0"/>
          <c:showSerName val="0"/>
          <c:showPercent val="0"/>
          <c:showBubbleSize val="0"/>
        </c:dLbls>
        <c:axId val="84219776"/>
        <c:axId val="84234240"/>
      </c:scatterChart>
      <c:valAx>
        <c:axId val="84219776"/>
        <c:scaling>
          <c:orientation val="maxMin"/>
          <c:max val="13"/>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80"/>
          <c:min val="-4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4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元利償還金は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から増加しているが、これは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に過疎指定されたことに伴い、新たな起債メニューとして過疎債の活用による償還額の増加と考えられ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今後は老朽化した施設の改修が見込まれていることから、計画的な起債の利用に努め、国県補助金等を積極的に活用していく。</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減債基金の積立は現在行っ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一般会計においては平成</a:t>
          </a:r>
          <a:r>
            <a:rPr kumimoji="1" lang="en-US" altLang="ja-JP" sz="1400">
              <a:latin typeface="ＭＳ ゴシック" pitchFamily="49" charset="-128"/>
              <a:ea typeface="ＭＳ ゴシック" pitchFamily="49" charset="-128"/>
            </a:rPr>
            <a:t>25</a:t>
          </a:r>
          <a:r>
            <a:rPr kumimoji="1" lang="ja-JP" altLang="en-US" sz="1400">
              <a:latin typeface="ＭＳ ゴシック" pitchFamily="49" charset="-128"/>
              <a:ea typeface="ＭＳ ゴシック" pitchFamily="49" charset="-128"/>
            </a:rPr>
            <a:t>年度が償還のピークとなり減少傾向であったが、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から過疎地域として指定されたことに伴う過疎債の利用により地方債残高は上昇傾向となっており、湯河原町・真鶴町衛生組合が実施した大規模改修事業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から開始されたことにより新たなピークが見込まれ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今後は、効果的な事業の実施について、取捨選択を的確に実施し、財政の健全化に努めていく。</a:t>
          </a:r>
          <a:endParaRPr kumimoji="1" lang="en-US" altLang="ja-JP"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真鶴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方交付税、財産収入の増減に伴い変動</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災害等への備えとして積立を計画的に行い、減債基金は今後の償還に備え、教育施設整備基金、まちづくり推進事業基金、ふるさと応援基金、真鶴町</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過疎地域持続的発展特別事業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感染症対策基金等の特目基金についても順次積立ていく予定で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応援基金：真鶴町のまちづくりを応援する個人又は団体からの寄附金を財源として、元気で住みよいふるさとまちづくりを推進</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真鶴町過疎地域持続的発展特別事業基金：</a:t>
          </a:r>
          <a:r>
            <a:rPr lang="ja-JP" altLang="en-US" sz="1300" b="0" i="0" u="none" strike="noStrike">
              <a:solidFill>
                <a:sysClr val="windowText" lastClr="000000"/>
              </a:solidFill>
              <a:effectLst/>
              <a:latin typeface="ＭＳ ゴシック" panose="020B0609070205080204" pitchFamily="49" charset="-128"/>
              <a:ea typeface="ＭＳ ゴシック" panose="020B0609070205080204" pitchFamily="49" charset="-128"/>
              <a:cs typeface="+mn-cs"/>
            </a:rPr>
            <a:t>過疎地域の持続的発展の支援に関する特別措置法（令和３年法律第</a:t>
          </a:r>
          <a:r>
            <a:rPr lang="en-US" altLang="ja-JP" sz="1300" b="0" i="0" u="none" strike="noStrike">
              <a:solidFill>
                <a:sysClr val="windowText" lastClr="000000"/>
              </a:solidFill>
              <a:effectLst/>
              <a:latin typeface="ＭＳ ゴシック" panose="020B0609070205080204" pitchFamily="49" charset="-128"/>
              <a:ea typeface="ＭＳ ゴシック" panose="020B0609070205080204" pitchFamily="49" charset="-128"/>
              <a:cs typeface="+mn-cs"/>
            </a:rPr>
            <a:t>19</a:t>
          </a:r>
          <a:r>
            <a:rPr lang="ja-JP" altLang="en-US" sz="1300" b="0" i="0" u="none" strike="noStrike">
              <a:solidFill>
                <a:sysClr val="windowText" lastClr="000000"/>
              </a:solidFill>
              <a:effectLst/>
              <a:latin typeface="ＭＳ ゴシック" panose="020B0609070205080204" pitchFamily="49" charset="-128"/>
              <a:ea typeface="ＭＳ ゴシック" panose="020B0609070205080204" pitchFamily="49" charset="-128"/>
              <a:cs typeface="+mn-cs"/>
            </a:rPr>
            <a:t>号）第</a:t>
          </a:r>
          <a:r>
            <a:rPr lang="en-US" altLang="ja-JP" sz="1300" b="0" i="0" u="none" strike="noStrike">
              <a:solidFill>
                <a:sysClr val="windowText" lastClr="000000"/>
              </a:solidFill>
              <a:effectLst/>
              <a:latin typeface="ＭＳ ゴシック" panose="020B0609070205080204" pitchFamily="49" charset="-128"/>
              <a:ea typeface="ＭＳ ゴシック" panose="020B0609070205080204" pitchFamily="49" charset="-128"/>
              <a:cs typeface="+mn-cs"/>
            </a:rPr>
            <a:t>14</a:t>
          </a:r>
          <a:r>
            <a:rPr lang="ja-JP" altLang="en-US" sz="1300" b="0" i="0" u="none" strike="noStrike">
              <a:solidFill>
                <a:sysClr val="windowText" lastClr="000000"/>
              </a:solidFill>
              <a:effectLst/>
              <a:latin typeface="ＭＳ ゴシック" panose="020B0609070205080204" pitchFamily="49" charset="-128"/>
              <a:ea typeface="ＭＳ ゴシック" panose="020B0609070205080204" pitchFamily="49" charset="-128"/>
              <a:cs typeface="+mn-cs"/>
            </a:rPr>
            <a:t>条第２項</a:t>
          </a:r>
          <a:r>
            <a:rPr lang="ja-JP" altLang="en-US" sz="1300" b="0" i="0">
              <a:solidFill>
                <a:sysClr val="windowText" lastClr="000000"/>
              </a:solidFill>
              <a:effectLst/>
              <a:latin typeface="ＭＳ ゴシック" panose="020B0609070205080204" pitchFamily="49" charset="-128"/>
              <a:ea typeface="ＭＳ ゴシック" panose="020B0609070205080204" pitchFamily="49" charset="-128"/>
              <a:cs typeface="+mn-cs"/>
            </a:rPr>
            <a:t>に規定する過疎地域持続的発展特別事業に要する経費の財源に充てるため</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教育施設整備基金：真鶴町教育施設整備事業費に充てるため</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感染症対策基金：感染症に対する</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経費に充て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推進事業基金：</a:t>
          </a:r>
          <a:r>
            <a:rPr lang="ja-JP" altLang="en-US" sz="1300" b="0" i="0">
              <a:solidFill>
                <a:schemeClr val="dk1"/>
              </a:solidFill>
              <a:effectLst/>
              <a:latin typeface="ＭＳ ゴシック" panose="020B0609070205080204" pitchFamily="49" charset="-128"/>
              <a:ea typeface="ＭＳ ゴシック" panose="020B0609070205080204" pitchFamily="49" charset="-128"/>
              <a:cs typeface="+mn-cs"/>
            </a:rPr>
            <a:t>自ら考え自ら行う地域づくり事業の趣旨に沿い、地域における多様な歴史、伝統、文化、産業等を活用し、独創的、個性的な地域づくり事業を、町が自主的、主体的に推進する際に、必要な経費として積み立て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応援基金：寄附金額の増加及び基金繰入金の減少により残高は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過疎地域持続的発展特別事業基金：過疎事業費の減少及び地方交付税の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教育施設整備基金：老朽化した教育施設の改修を実施していくため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感染症対策基金：寄付金額等を積立てのため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推進事業基金：寄附金額を積立てのため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過疎地域持続的発展特別事業基金、教育施設整備基金、感染症対策基金、まちづくり推進事業基金等の基金の目的の推進のため積立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地方交付税、財産収入の増減に伴い変動</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災害等への備えのため、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範囲内になるように努め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積立を行ってい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方債の償還が増加していくため、今後は決算余剰金を今後の償還を踏まえて積立を考えていきた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E25033ED-984C-41DE-838A-0BB9B00C4EF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57A73BCE-5D70-4D0D-803D-CA64A50B432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41FAF896-4AEF-494F-B986-A3B30436A125}"/>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CB6F0204-C561-4945-96D3-84F619E5D503}"/>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827E7DF7-57D9-4B8A-B973-2E087EF064BD}"/>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6B85C362-4F89-4EB0-8C3C-F9E02669EDC2}"/>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89D2632D-E85F-4632-8917-6791E5D726D9}"/>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50091C7C-1106-49C1-B628-8D8F769F987C}"/>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2DAB3B45-45CD-4661-9DEF-3254A1F1C8F6}"/>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C93BD93F-C4C4-4CED-9772-E1BAB1F22DAC}"/>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0BFC1CC2-846D-4349-A834-7D79DC6B18A4}"/>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F31CB1CC-DD02-437D-8BFE-804CC75E37E3}"/>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84
6,916
7.05
4,416,745
4,073,683
339,840
2,501,157
3,464,2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66F34DD9-51A4-404A-9D1A-5D1AFE210788}"/>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64E4BE44-2380-453C-B970-4C9E1795A498}"/>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1677842B-FD42-4875-A80B-92F8D413BB64}"/>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10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99262340-C526-4DDA-9E49-E69EB29F9BC2}"/>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6F81D6A6-2780-451E-A204-15FBF7927C1D}"/>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96A1996A-34C4-44F6-BA0D-C654DDECE3BC}"/>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8A660C0A-AD96-4A49-90B2-2F4101CFEEB9}"/>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BCD05584-B165-4E9C-946C-CBCB39D2512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FADD0A59-3C60-462D-BEDD-D5C6F9925E18}"/>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48278BC1-AC37-4D91-AC11-9A73F4B6416E}"/>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46FEFD55-4ED3-411C-A1F5-2E92BD2C3E4A}"/>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E236DA6A-AAF6-47E8-8C60-146828AB20F4}"/>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6CCC775C-8050-4FF9-95C3-8B856D7A42A7}"/>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E8A0E06A-F2BB-46D7-82C1-4C81DDA2AA49}"/>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E9EC50DF-103B-41D6-945B-75C2D630A234}"/>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0A312FDC-721A-46BD-BEC0-D73A3663F10E}"/>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CBA9BE71-CD27-42AE-BF8A-1168FD1678EB}"/>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33181804-CA8A-427E-8D4F-3FA97D8D931C}"/>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63B682B4-957F-46B7-B1FF-9D88545A3D50}"/>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24B686C5-8FE6-4AC3-A416-0FFCC70F4B10}"/>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231A03D8-1261-4AFE-9BC9-B478339DDA83}"/>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049431B9-7E23-4869-BA7F-18E5896240B9}"/>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15E837A8-DDF3-4BAF-AE18-E4FDFCF5F97B}"/>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33864D7E-EC90-4570-992B-8D8DFE6171F2}"/>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09407101-C0BB-4D07-B363-05B280D22279}"/>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6.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5078718B-12EF-494C-BE43-C28286011188}"/>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E6C1687C-3D10-401D-87A4-6C5946CDCE8F}"/>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91A759E0-EC19-45BB-B7C6-88CF144C16C7}"/>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206681F1-7BFE-4922-95C8-19C81B0F9A81}"/>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F3FFBEA0-3BA8-426C-8FFE-145BC19941E6}"/>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4497DD92-5E99-4404-8FF9-E1315DB9FE7E}"/>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F6DD0F7D-3CC7-4199-A7E8-A1D634D819A9}"/>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E6979F2C-EB2C-4FD4-BD48-967DFD637FF8}"/>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11C006F0-CCA7-4346-BB2A-AC136D649B4A}"/>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0FFCF52D-D54F-4C97-980F-86BA9D63EDB5}"/>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類似団体平均をやや上回っている。各公共施設の老朽化が進んで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公共施設管理計画に基づき、今後は集約化・複合化・廃止の検討を進め、公共施設の更新、維持または集約化等に努めなければならない。</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B4CC9C77-5F09-44A3-89BA-E6C1B18D12DF}"/>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21CBF51F-A2D8-41A8-9A54-295CA46D8369}"/>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id="{94C471F5-1BB8-4600-8BB3-09CC55ADF0B0}"/>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a16="http://schemas.microsoft.com/office/drawing/2014/main" id="{587AD55F-754B-43D8-BC22-2FCD9032B0E7}"/>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a16="http://schemas.microsoft.com/office/drawing/2014/main" id="{06085170-8B99-4E17-8234-646C243097D9}"/>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a16="http://schemas.microsoft.com/office/drawing/2014/main" id="{CB377193-A2A7-4C0A-A80A-9D1C8F6D2B5D}"/>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a16="http://schemas.microsoft.com/office/drawing/2014/main" id="{946C2491-2E22-451E-9165-BE4066DDFCA9}"/>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a16="http://schemas.microsoft.com/office/drawing/2014/main" id="{4D07F56B-C32E-4A46-8B25-713F90A17DD2}"/>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a16="http://schemas.microsoft.com/office/drawing/2014/main" id="{0BD21159-DB8B-4DE3-B944-01AE99DEF88C}"/>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a16="http://schemas.microsoft.com/office/drawing/2014/main" id="{10A3F9EE-714B-49E3-AB77-57832CA40903}"/>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a16="http://schemas.microsoft.com/office/drawing/2014/main" id="{7A6DB297-93DD-49D1-90C9-3445CE70FA43}"/>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a16="http://schemas.microsoft.com/office/drawing/2014/main" id="{B2F341D9-C9BF-4738-811E-3F8680047018}"/>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a16="http://schemas.microsoft.com/office/drawing/2014/main" id="{49B868D3-F7D2-4754-AF38-74B17EA82C20}"/>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a16="http://schemas.microsoft.com/office/drawing/2014/main" id="{4FF0EF12-5632-40A7-8EEE-E2B5A2C32649}"/>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a16="http://schemas.microsoft.com/office/drawing/2014/main" id="{9D49E03E-ADEC-49C2-A063-B9D8B95F27DB}"/>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id="{C02D5E68-CEEF-4751-AD16-5759F87FFACA}"/>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id="{2B4C2A80-0563-486B-A79D-0EAD9388895E}"/>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id="{0A662BDB-04CD-48DF-8FA7-2BB16B7AECCA}"/>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2726</xdr:rowOff>
    </xdr:from>
    <xdr:to>
      <xdr:col>23</xdr:col>
      <xdr:colOff>85090</xdr:colOff>
      <xdr:row>35</xdr:row>
      <xdr:rowOff>80645</xdr:rowOff>
    </xdr:to>
    <xdr:cxnSp macro="">
      <xdr:nvCxnSpPr>
        <xdr:cNvPr id="67" name="直線コネクタ 66">
          <a:extLst>
            <a:ext uri="{FF2B5EF4-FFF2-40B4-BE49-F238E27FC236}">
              <a16:creationId xmlns:a16="http://schemas.microsoft.com/office/drawing/2014/main" id="{5C14549C-5CFD-4CCB-8229-D7BBBC71677F}"/>
            </a:ext>
          </a:extLst>
        </xdr:cNvPr>
        <xdr:cNvCxnSpPr/>
      </xdr:nvCxnSpPr>
      <xdr:spPr>
        <a:xfrm flipV="1">
          <a:off x="4760595" y="5443401"/>
          <a:ext cx="1270" cy="14095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84472</xdr:rowOff>
    </xdr:from>
    <xdr:ext cx="405111" cy="259045"/>
    <xdr:sp macro="" textlink="">
      <xdr:nvSpPr>
        <xdr:cNvPr id="68" name="有形固定資産減価償却率最小値テキスト">
          <a:extLst>
            <a:ext uri="{FF2B5EF4-FFF2-40B4-BE49-F238E27FC236}">
              <a16:creationId xmlns:a16="http://schemas.microsoft.com/office/drawing/2014/main" id="{2638A925-E226-4B89-B533-E821677E6CCC}"/>
            </a:ext>
          </a:extLst>
        </xdr:cNvPr>
        <xdr:cNvSpPr txBox="1"/>
      </xdr:nvSpPr>
      <xdr:spPr>
        <a:xfrm>
          <a:off x="4813300" y="6856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80645</xdr:rowOff>
    </xdr:from>
    <xdr:to>
      <xdr:col>23</xdr:col>
      <xdr:colOff>174625</xdr:colOff>
      <xdr:row>35</xdr:row>
      <xdr:rowOff>80645</xdr:rowOff>
    </xdr:to>
    <xdr:cxnSp macro="">
      <xdr:nvCxnSpPr>
        <xdr:cNvPr id="69" name="直線コネクタ 68">
          <a:extLst>
            <a:ext uri="{FF2B5EF4-FFF2-40B4-BE49-F238E27FC236}">
              <a16:creationId xmlns:a16="http://schemas.microsoft.com/office/drawing/2014/main" id="{6329A530-32B5-4AB9-A029-D3D3AC32A0FD}"/>
            </a:ext>
          </a:extLst>
        </xdr:cNvPr>
        <xdr:cNvCxnSpPr/>
      </xdr:nvCxnSpPr>
      <xdr:spPr>
        <a:xfrm>
          <a:off x="4673600" y="6852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0853</xdr:rowOff>
    </xdr:from>
    <xdr:ext cx="405111" cy="259045"/>
    <xdr:sp macro="" textlink="">
      <xdr:nvSpPr>
        <xdr:cNvPr id="70" name="有形固定資産減価償却率最大値テキスト">
          <a:extLst>
            <a:ext uri="{FF2B5EF4-FFF2-40B4-BE49-F238E27FC236}">
              <a16:creationId xmlns:a16="http://schemas.microsoft.com/office/drawing/2014/main" id="{68611AC6-E600-4C30-B541-206223C474B1}"/>
            </a:ext>
          </a:extLst>
        </xdr:cNvPr>
        <xdr:cNvSpPr txBox="1"/>
      </xdr:nvSpPr>
      <xdr:spPr>
        <a:xfrm>
          <a:off x="4813300" y="5218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2726</xdr:rowOff>
    </xdr:from>
    <xdr:to>
      <xdr:col>23</xdr:col>
      <xdr:colOff>174625</xdr:colOff>
      <xdr:row>27</xdr:row>
      <xdr:rowOff>42726</xdr:rowOff>
    </xdr:to>
    <xdr:cxnSp macro="">
      <xdr:nvCxnSpPr>
        <xdr:cNvPr id="71" name="直線コネクタ 70">
          <a:extLst>
            <a:ext uri="{FF2B5EF4-FFF2-40B4-BE49-F238E27FC236}">
              <a16:creationId xmlns:a16="http://schemas.microsoft.com/office/drawing/2014/main" id="{72224F6B-B311-4DA0-89FB-BF6EF6B8CB8A}"/>
            </a:ext>
          </a:extLst>
        </xdr:cNvPr>
        <xdr:cNvCxnSpPr/>
      </xdr:nvCxnSpPr>
      <xdr:spPr>
        <a:xfrm>
          <a:off x="4673600" y="54434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58676</xdr:rowOff>
    </xdr:from>
    <xdr:ext cx="405111" cy="259045"/>
    <xdr:sp macro="" textlink="">
      <xdr:nvSpPr>
        <xdr:cNvPr id="72" name="有形固定資産減価償却率平均値テキスト">
          <a:extLst>
            <a:ext uri="{FF2B5EF4-FFF2-40B4-BE49-F238E27FC236}">
              <a16:creationId xmlns:a16="http://schemas.microsoft.com/office/drawing/2014/main" id="{0D0E58A5-D204-4C3A-83EC-F8BE7A04BB16}"/>
            </a:ext>
          </a:extLst>
        </xdr:cNvPr>
        <xdr:cNvSpPr txBox="1"/>
      </xdr:nvSpPr>
      <xdr:spPr>
        <a:xfrm>
          <a:off x="4813300" y="60737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35799</xdr:rowOff>
    </xdr:from>
    <xdr:to>
      <xdr:col>23</xdr:col>
      <xdr:colOff>136525</xdr:colOff>
      <xdr:row>32</xdr:row>
      <xdr:rowOff>65949</xdr:rowOff>
    </xdr:to>
    <xdr:sp macro="" textlink="">
      <xdr:nvSpPr>
        <xdr:cNvPr id="73" name="フローチャート: 判断 72">
          <a:extLst>
            <a:ext uri="{FF2B5EF4-FFF2-40B4-BE49-F238E27FC236}">
              <a16:creationId xmlns:a16="http://schemas.microsoft.com/office/drawing/2014/main" id="{EF6CBBEF-D4AA-4B50-83CF-2332E3560A08}"/>
            </a:ext>
          </a:extLst>
        </xdr:cNvPr>
        <xdr:cNvSpPr/>
      </xdr:nvSpPr>
      <xdr:spPr>
        <a:xfrm>
          <a:off x="4711700" y="6222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35799</xdr:rowOff>
    </xdr:from>
    <xdr:to>
      <xdr:col>19</xdr:col>
      <xdr:colOff>187325</xdr:colOff>
      <xdr:row>32</xdr:row>
      <xdr:rowOff>65949</xdr:rowOff>
    </xdr:to>
    <xdr:sp macro="" textlink="">
      <xdr:nvSpPr>
        <xdr:cNvPr id="74" name="フローチャート: 判断 73">
          <a:extLst>
            <a:ext uri="{FF2B5EF4-FFF2-40B4-BE49-F238E27FC236}">
              <a16:creationId xmlns:a16="http://schemas.microsoft.com/office/drawing/2014/main" id="{8EA88EBD-B6F4-4C6A-9D5C-E8528C1593C1}"/>
            </a:ext>
          </a:extLst>
        </xdr:cNvPr>
        <xdr:cNvSpPr/>
      </xdr:nvSpPr>
      <xdr:spPr>
        <a:xfrm>
          <a:off x="4000500" y="6222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51221</xdr:rowOff>
    </xdr:from>
    <xdr:to>
      <xdr:col>15</xdr:col>
      <xdr:colOff>187325</xdr:colOff>
      <xdr:row>32</xdr:row>
      <xdr:rowOff>81371</xdr:rowOff>
    </xdr:to>
    <xdr:sp macro="" textlink="">
      <xdr:nvSpPr>
        <xdr:cNvPr id="75" name="フローチャート: 判断 74">
          <a:extLst>
            <a:ext uri="{FF2B5EF4-FFF2-40B4-BE49-F238E27FC236}">
              <a16:creationId xmlns:a16="http://schemas.microsoft.com/office/drawing/2014/main" id="{7E7725E8-2F23-4500-9BF2-E2708DCE5D2E}"/>
            </a:ext>
          </a:extLst>
        </xdr:cNvPr>
        <xdr:cNvSpPr/>
      </xdr:nvSpPr>
      <xdr:spPr>
        <a:xfrm>
          <a:off x="3238500" y="6237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154305</xdr:rowOff>
    </xdr:from>
    <xdr:to>
      <xdr:col>11</xdr:col>
      <xdr:colOff>187325</xdr:colOff>
      <xdr:row>32</xdr:row>
      <xdr:rowOff>84455</xdr:rowOff>
    </xdr:to>
    <xdr:sp macro="" textlink="">
      <xdr:nvSpPr>
        <xdr:cNvPr id="76" name="フローチャート: 判断 75">
          <a:extLst>
            <a:ext uri="{FF2B5EF4-FFF2-40B4-BE49-F238E27FC236}">
              <a16:creationId xmlns:a16="http://schemas.microsoft.com/office/drawing/2014/main" id="{970AA02E-569A-4C74-B581-5F4C6BD45684}"/>
            </a:ext>
          </a:extLst>
        </xdr:cNvPr>
        <xdr:cNvSpPr/>
      </xdr:nvSpPr>
      <xdr:spPr>
        <a:xfrm>
          <a:off x="2476500" y="62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1</xdr:row>
      <xdr:rowOff>24765</xdr:rowOff>
    </xdr:from>
    <xdr:to>
      <xdr:col>7</xdr:col>
      <xdr:colOff>187325</xdr:colOff>
      <xdr:row>31</xdr:row>
      <xdr:rowOff>126365</xdr:rowOff>
    </xdr:to>
    <xdr:sp macro="" textlink="">
      <xdr:nvSpPr>
        <xdr:cNvPr id="77" name="フローチャート: 判断 76">
          <a:extLst>
            <a:ext uri="{FF2B5EF4-FFF2-40B4-BE49-F238E27FC236}">
              <a16:creationId xmlns:a16="http://schemas.microsoft.com/office/drawing/2014/main" id="{9CD2518A-8CA8-472F-B432-08B4567AFD8C}"/>
            </a:ext>
          </a:extLst>
        </xdr:cNvPr>
        <xdr:cNvSpPr/>
      </xdr:nvSpPr>
      <xdr:spPr>
        <a:xfrm>
          <a:off x="1714500" y="611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180C6080-248B-4A4B-BA81-23521B48537A}"/>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8D53EA96-4F5F-4D64-B6A2-229A19C1813F}"/>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E5C6FEAF-7D09-454E-8344-9A4FF87F9070}"/>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id="{C8F265E6-C91A-4188-955C-A7EB4F23EA6C}"/>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id="{0DD69C49-9C75-41FD-8EDF-55C08032AE08}"/>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87721</xdr:rowOff>
    </xdr:from>
    <xdr:to>
      <xdr:col>23</xdr:col>
      <xdr:colOff>136525</xdr:colOff>
      <xdr:row>33</xdr:row>
      <xdr:rowOff>17871</xdr:rowOff>
    </xdr:to>
    <xdr:sp macro="" textlink="">
      <xdr:nvSpPr>
        <xdr:cNvPr id="83" name="楕円 82">
          <a:extLst>
            <a:ext uri="{FF2B5EF4-FFF2-40B4-BE49-F238E27FC236}">
              <a16:creationId xmlns:a16="http://schemas.microsoft.com/office/drawing/2014/main" id="{54A2D85C-4120-4BE3-83AF-1F037C75D47A}"/>
            </a:ext>
          </a:extLst>
        </xdr:cNvPr>
        <xdr:cNvSpPr/>
      </xdr:nvSpPr>
      <xdr:spPr>
        <a:xfrm>
          <a:off x="4711700" y="6345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66148</xdr:rowOff>
    </xdr:from>
    <xdr:ext cx="405111" cy="259045"/>
    <xdr:sp macro="" textlink="">
      <xdr:nvSpPr>
        <xdr:cNvPr id="84" name="有形固定資産減価償却率該当値テキスト">
          <a:extLst>
            <a:ext uri="{FF2B5EF4-FFF2-40B4-BE49-F238E27FC236}">
              <a16:creationId xmlns:a16="http://schemas.microsoft.com/office/drawing/2014/main" id="{8A55689F-5E49-427E-81BA-AFEDAFAC22E2}"/>
            </a:ext>
          </a:extLst>
        </xdr:cNvPr>
        <xdr:cNvSpPr txBox="1"/>
      </xdr:nvSpPr>
      <xdr:spPr>
        <a:xfrm>
          <a:off x="4813300" y="6324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22951</xdr:rowOff>
    </xdr:from>
    <xdr:to>
      <xdr:col>19</xdr:col>
      <xdr:colOff>187325</xdr:colOff>
      <xdr:row>32</xdr:row>
      <xdr:rowOff>124551</xdr:rowOff>
    </xdr:to>
    <xdr:sp macro="" textlink="">
      <xdr:nvSpPr>
        <xdr:cNvPr id="85" name="楕円 84">
          <a:extLst>
            <a:ext uri="{FF2B5EF4-FFF2-40B4-BE49-F238E27FC236}">
              <a16:creationId xmlns:a16="http://schemas.microsoft.com/office/drawing/2014/main" id="{1D19D068-5F57-41FE-99E3-C18FA6AA54B9}"/>
            </a:ext>
          </a:extLst>
        </xdr:cNvPr>
        <xdr:cNvSpPr/>
      </xdr:nvSpPr>
      <xdr:spPr>
        <a:xfrm>
          <a:off x="4000500" y="6280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73751</xdr:rowOff>
    </xdr:from>
    <xdr:to>
      <xdr:col>23</xdr:col>
      <xdr:colOff>85725</xdr:colOff>
      <xdr:row>32</xdr:row>
      <xdr:rowOff>138521</xdr:rowOff>
    </xdr:to>
    <xdr:cxnSp macro="">
      <xdr:nvCxnSpPr>
        <xdr:cNvPr id="86" name="直線コネクタ 85">
          <a:extLst>
            <a:ext uri="{FF2B5EF4-FFF2-40B4-BE49-F238E27FC236}">
              <a16:creationId xmlns:a16="http://schemas.microsoft.com/office/drawing/2014/main" id="{74DF3B50-CCF1-4286-9A89-DBFD54A35C54}"/>
            </a:ext>
          </a:extLst>
        </xdr:cNvPr>
        <xdr:cNvCxnSpPr/>
      </xdr:nvCxnSpPr>
      <xdr:spPr>
        <a:xfrm>
          <a:off x="4051300" y="6331676"/>
          <a:ext cx="7112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23462</xdr:rowOff>
    </xdr:from>
    <xdr:to>
      <xdr:col>15</xdr:col>
      <xdr:colOff>187325</xdr:colOff>
      <xdr:row>32</xdr:row>
      <xdr:rowOff>53612</xdr:rowOff>
    </xdr:to>
    <xdr:sp macro="" textlink="">
      <xdr:nvSpPr>
        <xdr:cNvPr id="87" name="楕円 86">
          <a:extLst>
            <a:ext uri="{FF2B5EF4-FFF2-40B4-BE49-F238E27FC236}">
              <a16:creationId xmlns:a16="http://schemas.microsoft.com/office/drawing/2014/main" id="{A842680F-210D-4A01-81B4-C13C71F7AE22}"/>
            </a:ext>
          </a:extLst>
        </xdr:cNvPr>
        <xdr:cNvSpPr/>
      </xdr:nvSpPr>
      <xdr:spPr>
        <a:xfrm>
          <a:off x="3238500" y="6209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2812</xdr:rowOff>
    </xdr:from>
    <xdr:to>
      <xdr:col>19</xdr:col>
      <xdr:colOff>136525</xdr:colOff>
      <xdr:row>32</xdr:row>
      <xdr:rowOff>73751</xdr:rowOff>
    </xdr:to>
    <xdr:cxnSp macro="">
      <xdr:nvCxnSpPr>
        <xdr:cNvPr id="88" name="直線コネクタ 87">
          <a:extLst>
            <a:ext uri="{FF2B5EF4-FFF2-40B4-BE49-F238E27FC236}">
              <a16:creationId xmlns:a16="http://schemas.microsoft.com/office/drawing/2014/main" id="{31A845C3-5F63-4BA9-99BF-5F6120177761}"/>
            </a:ext>
          </a:extLst>
        </xdr:cNvPr>
        <xdr:cNvCxnSpPr/>
      </xdr:nvCxnSpPr>
      <xdr:spPr>
        <a:xfrm>
          <a:off x="3289300" y="6260737"/>
          <a:ext cx="762000" cy="70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48136</xdr:rowOff>
    </xdr:from>
    <xdr:to>
      <xdr:col>11</xdr:col>
      <xdr:colOff>187325</xdr:colOff>
      <xdr:row>32</xdr:row>
      <xdr:rowOff>78286</xdr:rowOff>
    </xdr:to>
    <xdr:sp macro="" textlink="">
      <xdr:nvSpPr>
        <xdr:cNvPr id="89" name="楕円 88">
          <a:extLst>
            <a:ext uri="{FF2B5EF4-FFF2-40B4-BE49-F238E27FC236}">
              <a16:creationId xmlns:a16="http://schemas.microsoft.com/office/drawing/2014/main" id="{F8CFC6E8-5214-46BE-9076-5A7617826F11}"/>
            </a:ext>
          </a:extLst>
        </xdr:cNvPr>
        <xdr:cNvSpPr/>
      </xdr:nvSpPr>
      <xdr:spPr>
        <a:xfrm>
          <a:off x="2476500" y="6234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2</xdr:row>
      <xdr:rowOff>2812</xdr:rowOff>
    </xdr:from>
    <xdr:to>
      <xdr:col>15</xdr:col>
      <xdr:colOff>136525</xdr:colOff>
      <xdr:row>32</xdr:row>
      <xdr:rowOff>27486</xdr:rowOff>
    </xdr:to>
    <xdr:cxnSp macro="">
      <xdr:nvCxnSpPr>
        <xdr:cNvPr id="90" name="直線コネクタ 89">
          <a:extLst>
            <a:ext uri="{FF2B5EF4-FFF2-40B4-BE49-F238E27FC236}">
              <a16:creationId xmlns:a16="http://schemas.microsoft.com/office/drawing/2014/main" id="{A9E38220-8073-4E79-919A-A26D4F7846C7}"/>
            </a:ext>
          </a:extLst>
        </xdr:cNvPr>
        <xdr:cNvCxnSpPr/>
      </xdr:nvCxnSpPr>
      <xdr:spPr>
        <a:xfrm flipV="1">
          <a:off x="2527300" y="6260737"/>
          <a:ext cx="762000" cy="24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161018</xdr:rowOff>
    </xdr:from>
    <xdr:to>
      <xdr:col>7</xdr:col>
      <xdr:colOff>187325</xdr:colOff>
      <xdr:row>30</xdr:row>
      <xdr:rowOff>91168</xdr:rowOff>
    </xdr:to>
    <xdr:sp macro="" textlink="">
      <xdr:nvSpPr>
        <xdr:cNvPr id="91" name="楕円 90">
          <a:extLst>
            <a:ext uri="{FF2B5EF4-FFF2-40B4-BE49-F238E27FC236}">
              <a16:creationId xmlns:a16="http://schemas.microsoft.com/office/drawing/2014/main" id="{B931E075-3202-4D1E-91C4-B86BE3C1528C}"/>
            </a:ext>
          </a:extLst>
        </xdr:cNvPr>
        <xdr:cNvSpPr/>
      </xdr:nvSpPr>
      <xdr:spPr>
        <a:xfrm>
          <a:off x="1714500" y="5904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40368</xdr:rowOff>
    </xdr:from>
    <xdr:to>
      <xdr:col>11</xdr:col>
      <xdr:colOff>136525</xdr:colOff>
      <xdr:row>32</xdr:row>
      <xdr:rowOff>27486</xdr:rowOff>
    </xdr:to>
    <xdr:cxnSp macro="">
      <xdr:nvCxnSpPr>
        <xdr:cNvPr id="92" name="直線コネクタ 91">
          <a:extLst>
            <a:ext uri="{FF2B5EF4-FFF2-40B4-BE49-F238E27FC236}">
              <a16:creationId xmlns:a16="http://schemas.microsoft.com/office/drawing/2014/main" id="{B5C83E1E-6C6C-4C36-8055-273CA340AB22}"/>
            </a:ext>
          </a:extLst>
        </xdr:cNvPr>
        <xdr:cNvCxnSpPr/>
      </xdr:nvCxnSpPr>
      <xdr:spPr>
        <a:xfrm>
          <a:off x="1765300" y="5955393"/>
          <a:ext cx="762000" cy="330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82476</xdr:rowOff>
    </xdr:from>
    <xdr:ext cx="405111" cy="259045"/>
    <xdr:sp macro="" textlink="">
      <xdr:nvSpPr>
        <xdr:cNvPr id="93" name="n_1aveValue有形固定資産減価償却率">
          <a:extLst>
            <a:ext uri="{FF2B5EF4-FFF2-40B4-BE49-F238E27FC236}">
              <a16:creationId xmlns:a16="http://schemas.microsoft.com/office/drawing/2014/main" id="{13B3DDFE-DE96-4BEB-9282-D6EB83F05E01}"/>
            </a:ext>
          </a:extLst>
        </xdr:cNvPr>
        <xdr:cNvSpPr txBox="1"/>
      </xdr:nvSpPr>
      <xdr:spPr>
        <a:xfrm>
          <a:off x="3836044" y="5997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72498</xdr:rowOff>
    </xdr:from>
    <xdr:ext cx="405111" cy="259045"/>
    <xdr:sp macro="" textlink="">
      <xdr:nvSpPr>
        <xdr:cNvPr id="94" name="n_2aveValue有形固定資産減価償却率">
          <a:extLst>
            <a:ext uri="{FF2B5EF4-FFF2-40B4-BE49-F238E27FC236}">
              <a16:creationId xmlns:a16="http://schemas.microsoft.com/office/drawing/2014/main" id="{DF651799-9A02-4376-9EB7-7252076A1819}"/>
            </a:ext>
          </a:extLst>
        </xdr:cNvPr>
        <xdr:cNvSpPr txBox="1"/>
      </xdr:nvSpPr>
      <xdr:spPr>
        <a:xfrm>
          <a:off x="3086744" y="63304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75582</xdr:rowOff>
    </xdr:from>
    <xdr:ext cx="405111" cy="259045"/>
    <xdr:sp macro="" textlink="">
      <xdr:nvSpPr>
        <xdr:cNvPr id="95" name="n_3aveValue有形固定資産減価償却率">
          <a:extLst>
            <a:ext uri="{FF2B5EF4-FFF2-40B4-BE49-F238E27FC236}">
              <a16:creationId xmlns:a16="http://schemas.microsoft.com/office/drawing/2014/main" id="{7678F5A0-02BD-4C0D-9B88-9AE20B0D2A08}"/>
            </a:ext>
          </a:extLst>
        </xdr:cNvPr>
        <xdr:cNvSpPr txBox="1"/>
      </xdr:nvSpPr>
      <xdr:spPr>
        <a:xfrm>
          <a:off x="2324744" y="6333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117492</xdr:rowOff>
    </xdr:from>
    <xdr:ext cx="405111" cy="259045"/>
    <xdr:sp macro="" textlink="">
      <xdr:nvSpPr>
        <xdr:cNvPr id="96" name="n_4aveValue有形固定資産減価償却率">
          <a:extLst>
            <a:ext uri="{FF2B5EF4-FFF2-40B4-BE49-F238E27FC236}">
              <a16:creationId xmlns:a16="http://schemas.microsoft.com/office/drawing/2014/main" id="{0F4DB327-31EF-41BA-8085-A401FEE9A467}"/>
            </a:ext>
          </a:extLst>
        </xdr:cNvPr>
        <xdr:cNvSpPr txBox="1"/>
      </xdr:nvSpPr>
      <xdr:spPr>
        <a:xfrm>
          <a:off x="1562744" y="6203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15678</xdr:rowOff>
    </xdr:from>
    <xdr:ext cx="405111" cy="259045"/>
    <xdr:sp macro="" textlink="">
      <xdr:nvSpPr>
        <xdr:cNvPr id="97" name="n_1mainValue有形固定資産減価償却率">
          <a:extLst>
            <a:ext uri="{FF2B5EF4-FFF2-40B4-BE49-F238E27FC236}">
              <a16:creationId xmlns:a16="http://schemas.microsoft.com/office/drawing/2014/main" id="{F19961C2-7DF0-43C8-A25E-792A7F211968}"/>
            </a:ext>
          </a:extLst>
        </xdr:cNvPr>
        <xdr:cNvSpPr txBox="1"/>
      </xdr:nvSpPr>
      <xdr:spPr>
        <a:xfrm>
          <a:off x="3836044" y="6373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70139</xdr:rowOff>
    </xdr:from>
    <xdr:ext cx="405111" cy="259045"/>
    <xdr:sp macro="" textlink="">
      <xdr:nvSpPr>
        <xdr:cNvPr id="98" name="n_2mainValue有形固定資産減価償却率">
          <a:extLst>
            <a:ext uri="{FF2B5EF4-FFF2-40B4-BE49-F238E27FC236}">
              <a16:creationId xmlns:a16="http://schemas.microsoft.com/office/drawing/2014/main" id="{37052A02-1E05-4670-A03E-4A1D6FA01BBE}"/>
            </a:ext>
          </a:extLst>
        </xdr:cNvPr>
        <xdr:cNvSpPr txBox="1"/>
      </xdr:nvSpPr>
      <xdr:spPr>
        <a:xfrm>
          <a:off x="3086744" y="5985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94813</xdr:rowOff>
    </xdr:from>
    <xdr:ext cx="405111" cy="259045"/>
    <xdr:sp macro="" textlink="">
      <xdr:nvSpPr>
        <xdr:cNvPr id="99" name="n_3mainValue有形固定資産減価償却率">
          <a:extLst>
            <a:ext uri="{FF2B5EF4-FFF2-40B4-BE49-F238E27FC236}">
              <a16:creationId xmlns:a16="http://schemas.microsoft.com/office/drawing/2014/main" id="{6E915243-F72C-46F8-B8CF-D627BB301454}"/>
            </a:ext>
          </a:extLst>
        </xdr:cNvPr>
        <xdr:cNvSpPr txBox="1"/>
      </xdr:nvSpPr>
      <xdr:spPr>
        <a:xfrm>
          <a:off x="2324744" y="6009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07695</xdr:rowOff>
    </xdr:from>
    <xdr:ext cx="405111" cy="259045"/>
    <xdr:sp macro="" textlink="">
      <xdr:nvSpPr>
        <xdr:cNvPr id="100" name="n_4mainValue有形固定資産減価償却率">
          <a:extLst>
            <a:ext uri="{FF2B5EF4-FFF2-40B4-BE49-F238E27FC236}">
              <a16:creationId xmlns:a16="http://schemas.microsoft.com/office/drawing/2014/main" id="{64FB594A-37AE-4D03-9622-F5A8E79923C8}"/>
            </a:ext>
          </a:extLst>
        </xdr:cNvPr>
        <xdr:cNvSpPr txBox="1"/>
      </xdr:nvSpPr>
      <xdr:spPr>
        <a:xfrm>
          <a:off x="1562744" y="5679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48273DBD-1BE0-423C-91CE-D2DF32C43AEF}"/>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C1DD7658-F49A-4B30-BA7E-86A038BC501D}"/>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F92E0CA4-8C5C-4A83-B6FF-2FC907AB646A}"/>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80.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B169783D-1BE8-4C87-8699-2AC93E420E50}"/>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76B3AB40-48C7-4DF8-AF17-CB51230E7DE8}"/>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D9301C4C-2B07-4338-968A-AA483C3E06A8}"/>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02752214-A8CE-4432-8F29-97412C037754}"/>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AFD82A1F-87D6-4DC8-A346-83F04C1FCA02}"/>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FEDDDE6A-3F3A-4473-A67B-19204A887F09}"/>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AE6238A3-198B-4EF0-8446-54983CB55A3B}"/>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B1DB1FCA-A59C-4623-B62E-F407D11B40A8}"/>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9002D024-8A19-4E73-BF14-BA4AB8D6DA4C}"/>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70A12229-1DC3-4EE1-8C7B-0FD71FCD7F92}"/>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令和３年度の債務償還比率は</a:t>
          </a:r>
          <a:r>
            <a:rPr kumimoji="1" lang="en-US" altLang="ja-JP" sz="1100">
              <a:latin typeface="ＭＳ Ｐゴシック" panose="020B0600070205080204" pitchFamily="50" charset="-128"/>
              <a:ea typeface="ＭＳ Ｐゴシック" panose="020B0600070205080204" pitchFamily="50" charset="-128"/>
            </a:rPr>
            <a:t>680.6</a:t>
          </a:r>
          <a:r>
            <a:rPr kumimoji="1" lang="ja-JP" altLang="en-US" sz="1100">
              <a:latin typeface="ＭＳ Ｐゴシック" panose="020B0600070205080204" pitchFamily="50" charset="-128"/>
              <a:ea typeface="ＭＳ Ｐゴシック" panose="020B0600070205080204" pitchFamily="50" charset="-128"/>
            </a:rPr>
            <a:t>％で、令和２年度に比較して半減しているが、過年度より類似団体の平均を上回っている状態と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から過疎指定を受けたことにより、過疎対策を推進するため、過疎債の活用を始めたことにより、地方債残高が高いことが主な要因と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町債の発行と償還のバランスを取りながら、町財政の健全性を維持していく。</a:t>
          </a: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E9F12C81-82EA-4D5B-A27A-D755AE0839D8}"/>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DB63E708-FC95-4D1D-85F4-19F146B49AB1}"/>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3EB7C947-B326-42E3-8C79-959A5024E0E8}"/>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7" name="直線コネクタ 116">
          <a:extLst>
            <a:ext uri="{FF2B5EF4-FFF2-40B4-BE49-F238E27FC236}">
              <a16:creationId xmlns:a16="http://schemas.microsoft.com/office/drawing/2014/main" id="{540C09BB-83D9-4451-A063-76976C04126D}"/>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8" name="テキスト ボックス 117">
          <a:extLst>
            <a:ext uri="{FF2B5EF4-FFF2-40B4-BE49-F238E27FC236}">
              <a16:creationId xmlns:a16="http://schemas.microsoft.com/office/drawing/2014/main" id="{2EA39573-5F0C-462D-8D57-4CA0DAD34A32}"/>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9" name="直線コネクタ 118">
          <a:extLst>
            <a:ext uri="{FF2B5EF4-FFF2-40B4-BE49-F238E27FC236}">
              <a16:creationId xmlns:a16="http://schemas.microsoft.com/office/drawing/2014/main" id="{BFFD0C9C-83E4-43F2-9A1C-96D8E44261F1}"/>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0" name="テキスト ボックス 119">
          <a:extLst>
            <a:ext uri="{FF2B5EF4-FFF2-40B4-BE49-F238E27FC236}">
              <a16:creationId xmlns:a16="http://schemas.microsoft.com/office/drawing/2014/main" id="{422489E2-756D-4457-A7D2-D97E4DE88008}"/>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1" name="直線コネクタ 120">
          <a:extLst>
            <a:ext uri="{FF2B5EF4-FFF2-40B4-BE49-F238E27FC236}">
              <a16:creationId xmlns:a16="http://schemas.microsoft.com/office/drawing/2014/main" id="{00B440D8-F92F-44C2-9984-AC7C6E992498}"/>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2" name="テキスト ボックス 121">
          <a:extLst>
            <a:ext uri="{FF2B5EF4-FFF2-40B4-BE49-F238E27FC236}">
              <a16:creationId xmlns:a16="http://schemas.microsoft.com/office/drawing/2014/main" id="{59F8C96A-9FC6-420C-ACB6-1CF5DA2FC93C}"/>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3" name="直線コネクタ 122">
          <a:extLst>
            <a:ext uri="{FF2B5EF4-FFF2-40B4-BE49-F238E27FC236}">
              <a16:creationId xmlns:a16="http://schemas.microsoft.com/office/drawing/2014/main" id="{0ADB0D93-A165-492D-A2CC-2C6AA743C0B6}"/>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4" name="テキスト ボックス 123">
          <a:extLst>
            <a:ext uri="{FF2B5EF4-FFF2-40B4-BE49-F238E27FC236}">
              <a16:creationId xmlns:a16="http://schemas.microsoft.com/office/drawing/2014/main" id="{B5B37A15-1C27-4498-8A75-87C8E7E07FEC}"/>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5" name="直線コネクタ 124">
          <a:extLst>
            <a:ext uri="{FF2B5EF4-FFF2-40B4-BE49-F238E27FC236}">
              <a16:creationId xmlns:a16="http://schemas.microsoft.com/office/drawing/2014/main" id="{2CEFF95C-472F-4E08-AB36-77DFB7E2F1C1}"/>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6" name="テキスト ボックス 125">
          <a:extLst>
            <a:ext uri="{FF2B5EF4-FFF2-40B4-BE49-F238E27FC236}">
              <a16:creationId xmlns:a16="http://schemas.microsoft.com/office/drawing/2014/main" id="{DA85AC4C-9007-4927-B2F5-4FF20672AFEF}"/>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AAE2E059-E075-4071-A1EA-52231B9D9FA5}"/>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90B709F1-05FF-40C5-871D-9865AEDE11AB}"/>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6933</xdr:rowOff>
    </xdr:to>
    <xdr:cxnSp macro="">
      <xdr:nvCxnSpPr>
        <xdr:cNvPr id="129" name="直線コネクタ 128">
          <a:extLst>
            <a:ext uri="{FF2B5EF4-FFF2-40B4-BE49-F238E27FC236}">
              <a16:creationId xmlns:a16="http://schemas.microsoft.com/office/drawing/2014/main" id="{92A33C57-D21A-465D-A1D9-4214D768D409}"/>
            </a:ext>
          </a:extLst>
        </xdr:cNvPr>
        <xdr:cNvCxnSpPr/>
      </xdr:nvCxnSpPr>
      <xdr:spPr>
        <a:xfrm flipV="1">
          <a:off x="14793595" y="5312833"/>
          <a:ext cx="1269" cy="11334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20760</xdr:rowOff>
    </xdr:from>
    <xdr:ext cx="469744" cy="259045"/>
    <xdr:sp macro="" textlink="">
      <xdr:nvSpPr>
        <xdr:cNvPr id="130" name="債務償還比率最小値テキスト">
          <a:extLst>
            <a:ext uri="{FF2B5EF4-FFF2-40B4-BE49-F238E27FC236}">
              <a16:creationId xmlns:a16="http://schemas.microsoft.com/office/drawing/2014/main" id="{10C958E2-77F6-4BD1-BB29-100684CA3D8F}"/>
            </a:ext>
          </a:extLst>
        </xdr:cNvPr>
        <xdr:cNvSpPr txBox="1"/>
      </xdr:nvSpPr>
      <xdr:spPr>
        <a:xfrm>
          <a:off x="14846300" y="6450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6933</xdr:rowOff>
    </xdr:from>
    <xdr:to>
      <xdr:col>76</xdr:col>
      <xdr:colOff>111125</xdr:colOff>
      <xdr:row>33</xdr:row>
      <xdr:rowOff>16933</xdr:rowOff>
    </xdr:to>
    <xdr:cxnSp macro="">
      <xdr:nvCxnSpPr>
        <xdr:cNvPr id="131" name="直線コネクタ 130">
          <a:extLst>
            <a:ext uri="{FF2B5EF4-FFF2-40B4-BE49-F238E27FC236}">
              <a16:creationId xmlns:a16="http://schemas.microsoft.com/office/drawing/2014/main" id="{979D6CA4-2357-41E0-A277-4C3CB29F5C66}"/>
            </a:ext>
          </a:extLst>
        </xdr:cNvPr>
        <xdr:cNvCxnSpPr/>
      </xdr:nvCxnSpPr>
      <xdr:spPr>
        <a:xfrm>
          <a:off x="14706600" y="6446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2" name="債務償還比率最大値テキスト">
          <a:extLst>
            <a:ext uri="{FF2B5EF4-FFF2-40B4-BE49-F238E27FC236}">
              <a16:creationId xmlns:a16="http://schemas.microsoft.com/office/drawing/2014/main" id="{559DEBCE-3FA1-43DC-805F-3BF7DF8F8AA6}"/>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3" name="直線コネクタ 132">
          <a:extLst>
            <a:ext uri="{FF2B5EF4-FFF2-40B4-BE49-F238E27FC236}">
              <a16:creationId xmlns:a16="http://schemas.microsoft.com/office/drawing/2014/main" id="{CCC79FBF-5490-462B-AC1D-27EAA69E255C}"/>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124794</xdr:rowOff>
    </xdr:from>
    <xdr:ext cx="469744" cy="259045"/>
    <xdr:sp macro="" textlink="">
      <xdr:nvSpPr>
        <xdr:cNvPr id="134" name="債務償還比率平均値テキスト">
          <a:extLst>
            <a:ext uri="{FF2B5EF4-FFF2-40B4-BE49-F238E27FC236}">
              <a16:creationId xmlns:a16="http://schemas.microsoft.com/office/drawing/2014/main" id="{20B5FE39-6103-4DDC-8AE2-C7C73CA3EE7E}"/>
            </a:ext>
          </a:extLst>
        </xdr:cNvPr>
        <xdr:cNvSpPr txBox="1"/>
      </xdr:nvSpPr>
      <xdr:spPr>
        <a:xfrm>
          <a:off x="14846300" y="55254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01917</xdr:rowOff>
    </xdr:from>
    <xdr:to>
      <xdr:col>76</xdr:col>
      <xdr:colOff>73025</xdr:colOff>
      <xdr:row>29</xdr:row>
      <xdr:rowOff>32067</xdr:rowOff>
    </xdr:to>
    <xdr:sp macro="" textlink="">
      <xdr:nvSpPr>
        <xdr:cNvPr id="135" name="フローチャート: 判断 134">
          <a:extLst>
            <a:ext uri="{FF2B5EF4-FFF2-40B4-BE49-F238E27FC236}">
              <a16:creationId xmlns:a16="http://schemas.microsoft.com/office/drawing/2014/main" id="{453D017B-12C6-4261-95A2-2C82B60616F9}"/>
            </a:ext>
          </a:extLst>
        </xdr:cNvPr>
        <xdr:cNvSpPr/>
      </xdr:nvSpPr>
      <xdr:spPr>
        <a:xfrm>
          <a:off x="14744700" y="5674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96710</xdr:rowOff>
    </xdr:from>
    <xdr:to>
      <xdr:col>72</xdr:col>
      <xdr:colOff>123825</xdr:colOff>
      <xdr:row>30</xdr:row>
      <xdr:rowOff>26860</xdr:rowOff>
    </xdr:to>
    <xdr:sp macro="" textlink="">
      <xdr:nvSpPr>
        <xdr:cNvPr id="136" name="フローチャート: 判断 135">
          <a:extLst>
            <a:ext uri="{FF2B5EF4-FFF2-40B4-BE49-F238E27FC236}">
              <a16:creationId xmlns:a16="http://schemas.microsoft.com/office/drawing/2014/main" id="{E564A5D8-0D35-4EAB-AE5E-2B3BBD246F3E}"/>
            </a:ext>
          </a:extLst>
        </xdr:cNvPr>
        <xdr:cNvSpPr/>
      </xdr:nvSpPr>
      <xdr:spPr>
        <a:xfrm>
          <a:off x="14033500" y="5840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21659</xdr:rowOff>
    </xdr:from>
    <xdr:to>
      <xdr:col>68</xdr:col>
      <xdr:colOff>123825</xdr:colOff>
      <xdr:row>30</xdr:row>
      <xdr:rowOff>51809</xdr:rowOff>
    </xdr:to>
    <xdr:sp macro="" textlink="">
      <xdr:nvSpPr>
        <xdr:cNvPr id="137" name="フローチャート: 判断 136">
          <a:extLst>
            <a:ext uri="{FF2B5EF4-FFF2-40B4-BE49-F238E27FC236}">
              <a16:creationId xmlns:a16="http://schemas.microsoft.com/office/drawing/2014/main" id="{F20C9D4F-F85D-4C27-9259-C7482E73D559}"/>
            </a:ext>
          </a:extLst>
        </xdr:cNvPr>
        <xdr:cNvSpPr/>
      </xdr:nvSpPr>
      <xdr:spPr>
        <a:xfrm>
          <a:off x="13271500" y="5865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50086</xdr:rowOff>
    </xdr:from>
    <xdr:to>
      <xdr:col>64</xdr:col>
      <xdr:colOff>123825</xdr:colOff>
      <xdr:row>30</xdr:row>
      <xdr:rowOff>80236</xdr:rowOff>
    </xdr:to>
    <xdr:sp macro="" textlink="">
      <xdr:nvSpPr>
        <xdr:cNvPr id="138" name="フローチャート: 判断 137">
          <a:extLst>
            <a:ext uri="{FF2B5EF4-FFF2-40B4-BE49-F238E27FC236}">
              <a16:creationId xmlns:a16="http://schemas.microsoft.com/office/drawing/2014/main" id="{426FE2CC-4B6D-4814-8F66-C03CDF814381}"/>
            </a:ext>
          </a:extLst>
        </xdr:cNvPr>
        <xdr:cNvSpPr/>
      </xdr:nvSpPr>
      <xdr:spPr>
        <a:xfrm>
          <a:off x="12509500" y="5893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27933</xdr:rowOff>
    </xdr:from>
    <xdr:to>
      <xdr:col>60</xdr:col>
      <xdr:colOff>123825</xdr:colOff>
      <xdr:row>30</xdr:row>
      <xdr:rowOff>129533</xdr:rowOff>
    </xdr:to>
    <xdr:sp macro="" textlink="">
      <xdr:nvSpPr>
        <xdr:cNvPr id="139" name="フローチャート: 判断 138">
          <a:extLst>
            <a:ext uri="{FF2B5EF4-FFF2-40B4-BE49-F238E27FC236}">
              <a16:creationId xmlns:a16="http://schemas.microsoft.com/office/drawing/2014/main" id="{2D18CD39-DFAA-4408-9475-FDA7A1EBBF47}"/>
            </a:ext>
          </a:extLst>
        </xdr:cNvPr>
        <xdr:cNvSpPr/>
      </xdr:nvSpPr>
      <xdr:spPr>
        <a:xfrm>
          <a:off x="11747500" y="5942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FE14623F-E1E3-4237-8392-8A6189BFE54A}"/>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7D6A0E27-1E75-4EE2-A9D1-BA6C9BDCF00D}"/>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56BBD55B-C202-49E8-BB10-C3E04837EACB}"/>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BE774572-89F9-4297-9874-FA9F3F981B0D}"/>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7F0FEE95-54E2-47DD-8F11-B6925B2102AE}"/>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63350</xdr:rowOff>
    </xdr:from>
    <xdr:to>
      <xdr:col>76</xdr:col>
      <xdr:colOff>73025</xdr:colOff>
      <xdr:row>31</xdr:row>
      <xdr:rowOff>93500</xdr:rowOff>
    </xdr:to>
    <xdr:sp macro="" textlink="">
      <xdr:nvSpPr>
        <xdr:cNvPr id="145" name="楕円 144">
          <a:extLst>
            <a:ext uri="{FF2B5EF4-FFF2-40B4-BE49-F238E27FC236}">
              <a16:creationId xmlns:a16="http://schemas.microsoft.com/office/drawing/2014/main" id="{F9C97FF2-2082-4BF0-B1C5-A24BC98AE8C9}"/>
            </a:ext>
          </a:extLst>
        </xdr:cNvPr>
        <xdr:cNvSpPr/>
      </xdr:nvSpPr>
      <xdr:spPr>
        <a:xfrm>
          <a:off x="14744700" y="607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141777</xdr:rowOff>
    </xdr:from>
    <xdr:ext cx="469744" cy="259045"/>
    <xdr:sp macro="" textlink="">
      <xdr:nvSpPr>
        <xdr:cNvPr id="146" name="債務償還比率該当値テキスト">
          <a:extLst>
            <a:ext uri="{FF2B5EF4-FFF2-40B4-BE49-F238E27FC236}">
              <a16:creationId xmlns:a16="http://schemas.microsoft.com/office/drawing/2014/main" id="{34B6F0A8-5BEF-4B1E-9DE9-762B93274901}"/>
            </a:ext>
          </a:extLst>
        </xdr:cNvPr>
        <xdr:cNvSpPr txBox="1"/>
      </xdr:nvSpPr>
      <xdr:spPr>
        <a:xfrm>
          <a:off x="14846300" y="6056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4</xdr:row>
      <xdr:rowOff>59641</xdr:rowOff>
    </xdr:from>
    <xdr:to>
      <xdr:col>72</xdr:col>
      <xdr:colOff>123825</xdr:colOff>
      <xdr:row>34</xdr:row>
      <xdr:rowOff>161241</xdr:rowOff>
    </xdr:to>
    <xdr:sp macro="" textlink="">
      <xdr:nvSpPr>
        <xdr:cNvPr id="147" name="楕円 146">
          <a:extLst>
            <a:ext uri="{FF2B5EF4-FFF2-40B4-BE49-F238E27FC236}">
              <a16:creationId xmlns:a16="http://schemas.microsoft.com/office/drawing/2014/main" id="{E0B4D187-7839-4D0D-9DF9-1C2B0E4B5E80}"/>
            </a:ext>
          </a:extLst>
        </xdr:cNvPr>
        <xdr:cNvSpPr/>
      </xdr:nvSpPr>
      <xdr:spPr>
        <a:xfrm>
          <a:off x="14033500" y="6660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42700</xdr:rowOff>
    </xdr:from>
    <xdr:to>
      <xdr:col>76</xdr:col>
      <xdr:colOff>22225</xdr:colOff>
      <xdr:row>34</xdr:row>
      <xdr:rowOff>110441</xdr:rowOff>
    </xdr:to>
    <xdr:cxnSp macro="">
      <xdr:nvCxnSpPr>
        <xdr:cNvPr id="148" name="直線コネクタ 147">
          <a:extLst>
            <a:ext uri="{FF2B5EF4-FFF2-40B4-BE49-F238E27FC236}">
              <a16:creationId xmlns:a16="http://schemas.microsoft.com/office/drawing/2014/main" id="{15E7A696-BEA8-4EF6-A71C-0A7FDA65B7B1}"/>
            </a:ext>
          </a:extLst>
        </xdr:cNvPr>
        <xdr:cNvCxnSpPr/>
      </xdr:nvCxnSpPr>
      <xdr:spPr>
        <a:xfrm flipV="1">
          <a:off x="14084300" y="6129175"/>
          <a:ext cx="711200" cy="582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137774</xdr:rowOff>
    </xdr:from>
    <xdr:to>
      <xdr:col>68</xdr:col>
      <xdr:colOff>123825</xdr:colOff>
      <xdr:row>34</xdr:row>
      <xdr:rowOff>67924</xdr:rowOff>
    </xdr:to>
    <xdr:sp macro="" textlink="">
      <xdr:nvSpPr>
        <xdr:cNvPr id="149" name="楕円 148">
          <a:extLst>
            <a:ext uri="{FF2B5EF4-FFF2-40B4-BE49-F238E27FC236}">
              <a16:creationId xmlns:a16="http://schemas.microsoft.com/office/drawing/2014/main" id="{C45FF275-6517-466D-B486-302F4E068576}"/>
            </a:ext>
          </a:extLst>
        </xdr:cNvPr>
        <xdr:cNvSpPr/>
      </xdr:nvSpPr>
      <xdr:spPr>
        <a:xfrm>
          <a:off x="13271500" y="6567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4</xdr:row>
      <xdr:rowOff>17124</xdr:rowOff>
    </xdr:from>
    <xdr:to>
      <xdr:col>72</xdr:col>
      <xdr:colOff>73025</xdr:colOff>
      <xdr:row>34</xdr:row>
      <xdr:rowOff>110441</xdr:rowOff>
    </xdr:to>
    <xdr:cxnSp macro="">
      <xdr:nvCxnSpPr>
        <xdr:cNvPr id="150" name="直線コネクタ 149">
          <a:extLst>
            <a:ext uri="{FF2B5EF4-FFF2-40B4-BE49-F238E27FC236}">
              <a16:creationId xmlns:a16="http://schemas.microsoft.com/office/drawing/2014/main" id="{5A472525-F473-41A8-8FF1-4EDB61ED3705}"/>
            </a:ext>
          </a:extLst>
        </xdr:cNvPr>
        <xdr:cNvCxnSpPr/>
      </xdr:nvCxnSpPr>
      <xdr:spPr>
        <a:xfrm>
          <a:off x="13322300" y="6617949"/>
          <a:ext cx="762000" cy="93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3</xdr:row>
      <xdr:rowOff>113425</xdr:rowOff>
    </xdr:from>
    <xdr:to>
      <xdr:col>64</xdr:col>
      <xdr:colOff>123825</xdr:colOff>
      <xdr:row>34</xdr:row>
      <xdr:rowOff>43575</xdr:rowOff>
    </xdr:to>
    <xdr:sp macro="" textlink="">
      <xdr:nvSpPr>
        <xdr:cNvPr id="151" name="楕円 150">
          <a:extLst>
            <a:ext uri="{FF2B5EF4-FFF2-40B4-BE49-F238E27FC236}">
              <a16:creationId xmlns:a16="http://schemas.microsoft.com/office/drawing/2014/main" id="{5BA0DD72-26F1-472D-9C83-1F77A3BF418E}"/>
            </a:ext>
          </a:extLst>
        </xdr:cNvPr>
        <xdr:cNvSpPr/>
      </xdr:nvSpPr>
      <xdr:spPr>
        <a:xfrm>
          <a:off x="12509500" y="654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3</xdr:row>
      <xdr:rowOff>164225</xdr:rowOff>
    </xdr:from>
    <xdr:to>
      <xdr:col>68</xdr:col>
      <xdr:colOff>73025</xdr:colOff>
      <xdr:row>34</xdr:row>
      <xdr:rowOff>17124</xdr:rowOff>
    </xdr:to>
    <xdr:cxnSp macro="">
      <xdr:nvCxnSpPr>
        <xdr:cNvPr id="152" name="直線コネクタ 151">
          <a:extLst>
            <a:ext uri="{FF2B5EF4-FFF2-40B4-BE49-F238E27FC236}">
              <a16:creationId xmlns:a16="http://schemas.microsoft.com/office/drawing/2014/main" id="{3A9F0B21-40FD-4C0B-B25B-C33C3063518D}"/>
            </a:ext>
          </a:extLst>
        </xdr:cNvPr>
        <xdr:cNvCxnSpPr/>
      </xdr:nvCxnSpPr>
      <xdr:spPr>
        <a:xfrm>
          <a:off x="12560300" y="6593600"/>
          <a:ext cx="762000" cy="24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117503</xdr:rowOff>
    </xdr:from>
    <xdr:to>
      <xdr:col>60</xdr:col>
      <xdr:colOff>123825</xdr:colOff>
      <xdr:row>34</xdr:row>
      <xdr:rowOff>47653</xdr:rowOff>
    </xdr:to>
    <xdr:sp macro="" textlink="">
      <xdr:nvSpPr>
        <xdr:cNvPr id="153" name="楕円 152">
          <a:extLst>
            <a:ext uri="{FF2B5EF4-FFF2-40B4-BE49-F238E27FC236}">
              <a16:creationId xmlns:a16="http://schemas.microsoft.com/office/drawing/2014/main" id="{5764B94B-6268-45C8-B565-1D819F4CF847}"/>
            </a:ext>
          </a:extLst>
        </xdr:cNvPr>
        <xdr:cNvSpPr/>
      </xdr:nvSpPr>
      <xdr:spPr>
        <a:xfrm>
          <a:off x="11747500" y="6546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3</xdr:row>
      <xdr:rowOff>164225</xdr:rowOff>
    </xdr:from>
    <xdr:to>
      <xdr:col>64</xdr:col>
      <xdr:colOff>73025</xdr:colOff>
      <xdr:row>33</xdr:row>
      <xdr:rowOff>168303</xdr:rowOff>
    </xdr:to>
    <xdr:cxnSp macro="">
      <xdr:nvCxnSpPr>
        <xdr:cNvPr id="154" name="直線コネクタ 153">
          <a:extLst>
            <a:ext uri="{FF2B5EF4-FFF2-40B4-BE49-F238E27FC236}">
              <a16:creationId xmlns:a16="http://schemas.microsoft.com/office/drawing/2014/main" id="{68E4F5C7-E07A-4DE2-AC48-1D9FA5E73483}"/>
            </a:ext>
          </a:extLst>
        </xdr:cNvPr>
        <xdr:cNvCxnSpPr/>
      </xdr:nvCxnSpPr>
      <xdr:spPr>
        <a:xfrm flipV="1">
          <a:off x="11798300" y="6593600"/>
          <a:ext cx="762000" cy="4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43387</xdr:rowOff>
    </xdr:from>
    <xdr:ext cx="469744" cy="259045"/>
    <xdr:sp macro="" textlink="">
      <xdr:nvSpPr>
        <xdr:cNvPr id="155" name="n_1aveValue債務償還比率">
          <a:extLst>
            <a:ext uri="{FF2B5EF4-FFF2-40B4-BE49-F238E27FC236}">
              <a16:creationId xmlns:a16="http://schemas.microsoft.com/office/drawing/2014/main" id="{65C970F0-14CF-4B8A-A9F7-73D19603E07D}"/>
            </a:ext>
          </a:extLst>
        </xdr:cNvPr>
        <xdr:cNvSpPr txBox="1"/>
      </xdr:nvSpPr>
      <xdr:spPr>
        <a:xfrm>
          <a:off x="13836727" y="5615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68336</xdr:rowOff>
    </xdr:from>
    <xdr:ext cx="469744" cy="259045"/>
    <xdr:sp macro="" textlink="">
      <xdr:nvSpPr>
        <xdr:cNvPr id="156" name="n_2aveValue債務償還比率">
          <a:extLst>
            <a:ext uri="{FF2B5EF4-FFF2-40B4-BE49-F238E27FC236}">
              <a16:creationId xmlns:a16="http://schemas.microsoft.com/office/drawing/2014/main" id="{41F2B556-176A-4350-B5FE-95116AA0665E}"/>
            </a:ext>
          </a:extLst>
        </xdr:cNvPr>
        <xdr:cNvSpPr txBox="1"/>
      </xdr:nvSpPr>
      <xdr:spPr>
        <a:xfrm>
          <a:off x="13087427" y="5640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96763</xdr:rowOff>
    </xdr:from>
    <xdr:ext cx="469744" cy="259045"/>
    <xdr:sp macro="" textlink="">
      <xdr:nvSpPr>
        <xdr:cNvPr id="157" name="n_3aveValue債務償還比率">
          <a:extLst>
            <a:ext uri="{FF2B5EF4-FFF2-40B4-BE49-F238E27FC236}">
              <a16:creationId xmlns:a16="http://schemas.microsoft.com/office/drawing/2014/main" id="{AB72E753-960D-4510-BF81-C4764B26CEB7}"/>
            </a:ext>
          </a:extLst>
        </xdr:cNvPr>
        <xdr:cNvSpPr txBox="1"/>
      </xdr:nvSpPr>
      <xdr:spPr>
        <a:xfrm>
          <a:off x="12325427" y="5668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146060</xdr:rowOff>
    </xdr:from>
    <xdr:ext cx="469744" cy="259045"/>
    <xdr:sp macro="" textlink="">
      <xdr:nvSpPr>
        <xdr:cNvPr id="158" name="n_4aveValue債務償還比率">
          <a:extLst>
            <a:ext uri="{FF2B5EF4-FFF2-40B4-BE49-F238E27FC236}">
              <a16:creationId xmlns:a16="http://schemas.microsoft.com/office/drawing/2014/main" id="{2BF41D45-EE96-423E-AA09-24202F6B8244}"/>
            </a:ext>
          </a:extLst>
        </xdr:cNvPr>
        <xdr:cNvSpPr txBox="1"/>
      </xdr:nvSpPr>
      <xdr:spPr>
        <a:xfrm>
          <a:off x="11563427" y="5718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4</xdr:row>
      <xdr:rowOff>152368</xdr:rowOff>
    </xdr:from>
    <xdr:ext cx="560923" cy="259045"/>
    <xdr:sp macro="" textlink="">
      <xdr:nvSpPr>
        <xdr:cNvPr id="159" name="n_1mainValue債務償還比率">
          <a:extLst>
            <a:ext uri="{FF2B5EF4-FFF2-40B4-BE49-F238E27FC236}">
              <a16:creationId xmlns:a16="http://schemas.microsoft.com/office/drawing/2014/main" id="{2989BFB9-2F4B-4CD9-A82C-E928F2D43C5F}"/>
            </a:ext>
          </a:extLst>
        </xdr:cNvPr>
        <xdr:cNvSpPr txBox="1"/>
      </xdr:nvSpPr>
      <xdr:spPr>
        <a:xfrm>
          <a:off x="13791138" y="675319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4</xdr:row>
      <xdr:rowOff>59051</xdr:rowOff>
    </xdr:from>
    <xdr:ext cx="560923" cy="259045"/>
    <xdr:sp macro="" textlink="">
      <xdr:nvSpPr>
        <xdr:cNvPr id="160" name="n_2mainValue債務償還比率">
          <a:extLst>
            <a:ext uri="{FF2B5EF4-FFF2-40B4-BE49-F238E27FC236}">
              <a16:creationId xmlns:a16="http://schemas.microsoft.com/office/drawing/2014/main" id="{D97CB3E2-D67E-46A8-917E-1C82BC36B45C}"/>
            </a:ext>
          </a:extLst>
        </xdr:cNvPr>
        <xdr:cNvSpPr txBox="1"/>
      </xdr:nvSpPr>
      <xdr:spPr>
        <a:xfrm>
          <a:off x="13041838" y="665987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4</xdr:row>
      <xdr:rowOff>34702</xdr:rowOff>
    </xdr:from>
    <xdr:ext cx="560923" cy="259045"/>
    <xdr:sp macro="" textlink="">
      <xdr:nvSpPr>
        <xdr:cNvPr id="161" name="n_3mainValue債務償還比率">
          <a:extLst>
            <a:ext uri="{FF2B5EF4-FFF2-40B4-BE49-F238E27FC236}">
              <a16:creationId xmlns:a16="http://schemas.microsoft.com/office/drawing/2014/main" id="{22CA9669-0BF0-48F0-85EC-70F0965C53F4}"/>
            </a:ext>
          </a:extLst>
        </xdr:cNvPr>
        <xdr:cNvSpPr txBox="1"/>
      </xdr:nvSpPr>
      <xdr:spPr>
        <a:xfrm>
          <a:off x="12279838" y="663552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4</xdr:row>
      <xdr:rowOff>38780</xdr:rowOff>
    </xdr:from>
    <xdr:ext cx="560923" cy="259045"/>
    <xdr:sp macro="" textlink="">
      <xdr:nvSpPr>
        <xdr:cNvPr id="162" name="n_4mainValue債務償還比率">
          <a:extLst>
            <a:ext uri="{FF2B5EF4-FFF2-40B4-BE49-F238E27FC236}">
              <a16:creationId xmlns:a16="http://schemas.microsoft.com/office/drawing/2014/main" id="{C059D7F6-7090-4917-B757-8F7A3C55BCA9}"/>
            </a:ext>
          </a:extLst>
        </xdr:cNvPr>
        <xdr:cNvSpPr txBox="1"/>
      </xdr:nvSpPr>
      <xdr:spPr>
        <a:xfrm>
          <a:off x="11517838" y="663960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7DBEE567-23A3-4826-8841-73C798B1FE7B}"/>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9EBD2297-F1AF-4970-992D-7C1902C6BBB4}"/>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3F54AF1B-AC05-498D-9AD8-74B5F76683FA}"/>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324164BC-A5DA-4267-ACAB-6C7BB4414E55}"/>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9125D93F-3CBC-4D81-B8F6-65FE97FF6060}"/>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17131B98-FEE9-406F-A628-B43AEC8E5FE4}"/>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2FDDFEEE-C4A6-4E2D-A93C-CCF7A728AC3E}"/>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6D47EAE6-4E85-4A48-8B8C-BEBDBBDF11A7}"/>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6438DBF5-768A-4B5C-B0E2-A49C4E11893B}"/>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93FD9511-FC27-4DD0-B145-EA4C6E46DB85}"/>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F584863A-926F-43E0-A0E8-FD55AC6EA31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2100D312-9B2D-4BA0-B17E-83901521C90A}"/>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AE4C3325-CA5D-4217-A159-77BA7FCAFBEC}"/>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18AE5774-195E-4FD2-9399-828F46DAF835}"/>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56993C91-232A-4CF7-88BE-B3E9F7404B51}"/>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11337C4F-ECA7-4509-964E-76EAEF0C5B0E}"/>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84
6,916
7.05
4,416,745
4,073,683
339,840
2,501,157
3,464,2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FB9A5956-12E0-4099-80E2-EC42328B877F}"/>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CE315382-36EF-402B-AD8A-77028C0E4E0F}"/>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2D352CB9-7CB1-41AD-93B1-6E64F3B71A76}"/>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10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884867B6-0C8A-41C1-8AA2-7987FD3D8A6A}"/>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3FF6380F-FE85-4EC1-A89C-FB33AE350C46}"/>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82171992-88B5-4AC2-88C8-4CCB8593C811}"/>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6A52E748-9771-49E4-A094-4160336D7C08}"/>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F67AEF4D-343B-4AEF-9C19-2908894865F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D687C7B6-3469-4BD0-8792-C54FF622E97D}"/>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3EBB607D-2DDB-4772-80F3-AE8ECBDC64FA}"/>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E0A4EB91-A356-412F-AEF9-6C0B4E2552B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FA11878C-AAEC-440E-8555-74DFBF5AD70D}"/>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E78B2955-7641-4A32-B287-9595B7C8A5FA}"/>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26337B6E-71BF-4A0F-B300-6A88D5C49B06}"/>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D388D3E8-E519-42B5-92B4-08B9A91970F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138667B8-6D46-4ECC-ADF4-48B62E892DFE}"/>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339785EA-3E87-4AC0-A277-AF0405C0065C}"/>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91DC00E5-9BA0-47E9-8D8C-B499992DE29D}"/>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813F7AE0-45A4-4576-BDE0-4695F31C6C18}"/>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CDDD8CD9-86B9-4B01-8100-EE1FB3A04724}"/>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07030FC2-056B-47DA-AEB3-1EBF9705C889}"/>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B74E7E0A-2DD6-4BD2-A570-AFE6CFCD4F38}"/>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8051C8B0-F284-47DD-81EA-5B489B31A55B}"/>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F15E3949-C611-4A88-85ED-B4F779C9C4CC}"/>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9CD86C5F-3039-4C12-8274-F6687FF5E6E9}"/>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E7124988-A8CB-4D48-BABD-E9DEDA54E611}"/>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71729037-D32C-4FCC-8A5D-F31556C29441}"/>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E8943BAD-CD19-4512-B06E-E2C6549D1ACA}"/>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A40015BB-174F-4F05-A304-B71CEEFEEB15}"/>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3FF6AD99-B788-402D-8702-62966EFC614D}"/>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46047F10-0D3A-4F13-83D7-20AD928C7CAA}"/>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595C60C4-7355-46DD-B190-6F74F8AFDF5A}"/>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86B112EE-1A40-4F1A-B638-36444FA52AAB}"/>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E656EFD7-D5D0-4D6B-9F83-864C509CE670}"/>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91E4B2C3-F814-4A74-8EED-A50FC1C11726}"/>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9E401BAA-282E-4A38-B9D8-440F0F733DDF}"/>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816BDB54-CFA5-4E99-A8CA-D3BC287BFA6F}"/>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6EED8940-B979-4AE8-B559-028461152881}"/>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2DE32B5F-0EB6-4445-AAAC-45CCC1ED7251}"/>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389EBB22-4165-4CE5-9276-F500100FF5AF}"/>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CB242B42-362B-4FBD-BF88-92C5F03BEAC3}"/>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17AAA7F3-AEFB-4D87-86D7-E494BD7A8756}"/>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DC298BEA-AA69-4FBA-A330-5A5615328E2D}"/>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C72D2223-3204-490E-A634-33B186E676F9}"/>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E991BC25-FEB5-4833-9CA1-FD0AFD9AB641}"/>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43815</xdr:rowOff>
    </xdr:from>
    <xdr:to>
      <xdr:col>24</xdr:col>
      <xdr:colOff>62865</xdr:colOff>
      <xdr:row>41</xdr:row>
      <xdr:rowOff>165735</xdr:rowOff>
    </xdr:to>
    <xdr:cxnSp macro="">
      <xdr:nvCxnSpPr>
        <xdr:cNvPr id="57" name="直線コネクタ 56">
          <a:extLst>
            <a:ext uri="{FF2B5EF4-FFF2-40B4-BE49-F238E27FC236}">
              <a16:creationId xmlns:a16="http://schemas.microsoft.com/office/drawing/2014/main" id="{E70E527B-79E5-4EB5-960B-C5B3F1249F9D}"/>
            </a:ext>
          </a:extLst>
        </xdr:cNvPr>
        <xdr:cNvCxnSpPr/>
      </xdr:nvCxnSpPr>
      <xdr:spPr>
        <a:xfrm flipV="1">
          <a:off x="4634865" y="5701665"/>
          <a:ext cx="0" cy="1493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69562</xdr:rowOff>
    </xdr:from>
    <xdr:ext cx="405111" cy="259045"/>
    <xdr:sp macro="" textlink="">
      <xdr:nvSpPr>
        <xdr:cNvPr id="58" name="【道路】&#10;有形固定資産減価償却率最小値テキスト">
          <a:extLst>
            <a:ext uri="{FF2B5EF4-FFF2-40B4-BE49-F238E27FC236}">
              <a16:creationId xmlns:a16="http://schemas.microsoft.com/office/drawing/2014/main" id="{73F099F5-FC60-4E4F-A4C1-F6D3D509AA58}"/>
            </a:ext>
          </a:extLst>
        </xdr:cNvPr>
        <xdr:cNvSpPr txBox="1"/>
      </xdr:nvSpPr>
      <xdr:spPr>
        <a:xfrm>
          <a:off x="4673600" y="7199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5735</xdr:rowOff>
    </xdr:from>
    <xdr:to>
      <xdr:col>24</xdr:col>
      <xdr:colOff>152400</xdr:colOff>
      <xdr:row>41</xdr:row>
      <xdr:rowOff>165735</xdr:rowOff>
    </xdr:to>
    <xdr:cxnSp macro="">
      <xdr:nvCxnSpPr>
        <xdr:cNvPr id="59" name="直線コネクタ 58">
          <a:extLst>
            <a:ext uri="{FF2B5EF4-FFF2-40B4-BE49-F238E27FC236}">
              <a16:creationId xmlns:a16="http://schemas.microsoft.com/office/drawing/2014/main" id="{AF3FC7D2-7300-4EFC-84EF-FF6F81A393E6}"/>
            </a:ext>
          </a:extLst>
        </xdr:cNvPr>
        <xdr:cNvCxnSpPr/>
      </xdr:nvCxnSpPr>
      <xdr:spPr>
        <a:xfrm>
          <a:off x="4546600" y="7195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61942</xdr:rowOff>
    </xdr:from>
    <xdr:ext cx="405111" cy="259045"/>
    <xdr:sp macro="" textlink="">
      <xdr:nvSpPr>
        <xdr:cNvPr id="60" name="【道路】&#10;有形固定資産減価償却率最大値テキスト">
          <a:extLst>
            <a:ext uri="{FF2B5EF4-FFF2-40B4-BE49-F238E27FC236}">
              <a16:creationId xmlns:a16="http://schemas.microsoft.com/office/drawing/2014/main" id="{5D16C84D-00CC-45DE-9407-9EE8B1F249F9}"/>
            </a:ext>
          </a:extLst>
        </xdr:cNvPr>
        <xdr:cNvSpPr txBox="1"/>
      </xdr:nvSpPr>
      <xdr:spPr>
        <a:xfrm>
          <a:off x="4673600" y="5476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43815</xdr:rowOff>
    </xdr:from>
    <xdr:to>
      <xdr:col>24</xdr:col>
      <xdr:colOff>152400</xdr:colOff>
      <xdr:row>33</xdr:row>
      <xdr:rowOff>43815</xdr:rowOff>
    </xdr:to>
    <xdr:cxnSp macro="">
      <xdr:nvCxnSpPr>
        <xdr:cNvPr id="61" name="直線コネクタ 60">
          <a:extLst>
            <a:ext uri="{FF2B5EF4-FFF2-40B4-BE49-F238E27FC236}">
              <a16:creationId xmlns:a16="http://schemas.microsoft.com/office/drawing/2014/main" id="{D2829306-A631-4C1E-85CF-6C4C8E6632EE}"/>
            </a:ext>
          </a:extLst>
        </xdr:cNvPr>
        <xdr:cNvCxnSpPr/>
      </xdr:nvCxnSpPr>
      <xdr:spPr>
        <a:xfrm>
          <a:off x="4546600" y="570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42892</xdr:rowOff>
    </xdr:from>
    <xdr:ext cx="405111" cy="259045"/>
    <xdr:sp macro="" textlink="">
      <xdr:nvSpPr>
        <xdr:cNvPr id="62" name="【道路】&#10;有形固定資産減価償却率平均値テキスト">
          <a:extLst>
            <a:ext uri="{FF2B5EF4-FFF2-40B4-BE49-F238E27FC236}">
              <a16:creationId xmlns:a16="http://schemas.microsoft.com/office/drawing/2014/main" id="{AD2E97A7-E320-4003-8570-5192A85108C5}"/>
            </a:ext>
          </a:extLst>
        </xdr:cNvPr>
        <xdr:cNvSpPr txBox="1"/>
      </xdr:nvSpPr>
      <xdr:spPr>
        <a:xfrm>
          <a:off x="4673600" y="64865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4465</xdr:rowOff>
    </xdr:from>
    <xdr:to>
      <xdr:col>24</xdr:col>
      <xdr:colOff>114300</xdr:colOff>
      <xdr:row>38</xdr:row>
      <xdr:rowOff>94615</xdr:rowOff>
    </xdr:to>
    <xdr:sp macro="" textlink="">
      <xdr:nvSpPr>
        <xdr:cNvPr id="63" name="フローチャート: 判断 62">
          <a:extLst>
            <a:ext uri="{FF2B5EF4-FFF2-40B4-BE49-F238E27FC236}">
              <a16:creationId xmlns:a16="http://schemas.microsoft.com/office/drawing/2014/main" id="{286DE45C-6EA5-4319-BE2B-93619445F1A2}"/>
            </a:ext>
          </a:extLst>
        </xdr:cNvPr>
        <xdr:cNvSpPr/>
      </xdr:nvSpPr>
      <xdr:spPr>
        <a:xfrm>
          <a:off x="4584700" y="650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8255</xdr:rowOff>
    </xdr:from>
    <xdr:to>
      <xdr:col>20</xdr:col>
      <xdr:colOff>38100</xdr:colOff>
      <xdr:row>38</xdr:row>
      <xdr:rowOff>109855</xdr:rowOff>
    </xdr:to>
    <xdr:sp macro="" textlink="">
      <xdr:nvSpPr>
        <xdr:cNvPr id="64" name="フローチャート: 判断 63">
          <a:extLst>
            <a:ext uri="{FF2B5EF4-FFF2-40B4-BE49-F238E27FC236}">
              <a16:creationId xmlns:a16="http://schemas.microsoft.com/office/drawing/2014/main" id="{B6A4CBC9-709B-4013-B6D8-168459B49EEB}"/>
            </a:ext>
          </a:extLst>
        </xdr:cNvPr>
        <xdr:cNvSpPr/>
      </xdr:nvSpPr>
      <xdr:spPr>
        <a:xfrm>
          <a:off x="3746500" y="652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2540</xdr:rowOff>
    </xdr:from>
    <xdr:to>
      <xdr:col>15</xdr:col>
      <xdr:colOff>101600</xdr:colOff>
      <xdr:row>38</xdr:row>
      <xdr:rowOff>104140</xdr:rowOff>
    </xdr:to>
    <xdr:sp macro="" textlink="">
      <xdr:nvSpPr>
        <xdr:cNvPr id="65" name="フローチャート: 判断 64">
          <a:extLst>
            <a:ext uri="{FF2B5EF4-FFF2-40B4-BE49-F238E27FC236}">
              <a16:creationId xmlns:a16="http://schemas.microsoft.com/office/drawing/2014/main" id="{EE688111-032B-42F1-9B27-E955F8E851C1}"/>
            </a:ext>
          </a:extLst>
        </xdr:cNvPr>
        <xdr:cNvSpPr/>
      </xdr:nvSpPr>
      <xdr:spPr>
        <a:xfrm>
          <a:off x="2857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3970</xdr:rowOff>
    </xdr:from>
    <xdr:to>
      <xdr:col>10</xdr:col>
      <xdr:colOff>165100</xdr:colOff>
      <xdr:row>38</xdr:row>
      <xdr:rowOff>115570</xdr:rowOff>
    </xdr:to>
    <xdr:sp macro="" textlink="">
      <xdr:nvSpPr>
        <xdr:cNvPr id="66" name="フローチャート: 判断 65">
          <a:extLst>
            <a:ext uri="{FF2B5EF4-FFF2-40B4-BE49-F238E27FC236}">
              <a16:creationId xmlns:a16="http://schemas.microsoft.com/office/drawing/2014/main" id="{606817C1-DFD0-4F6C-9A9B-20AB33BC7404}"/>
            </a:ext>
          </a:extLst>
        </xdr:cNvPr>
        <xdr:cNvSpPr/>
      </xdr:nvSpPr>
      <xdr:spPr>
        <a:xfrm>
          <a:off x="1968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33985</xdr:rowOff>
    </xdr:from>
    <xdr:to>
      <xdr:col>6</xdr:col>
      <xdr:colOff>38100</xdr:colOff>
      <xdr:row>38</xdr:row>
      <xdr:rowOff>64135</xdr:rowOff>
    </xdr:to>
    <xdr:sp macro="" textlink="">
      <xdr:nvSpPr>
        <xdr:cNvPr id="67" name="フローチャート: 判断 66">
          <a:extLst>
            <a:ext uri="{FF2B5EF4-FFF2-40B4-BE49-F238E27FC236}">
              <a16:creationId xmlns:a16="http://schemas.microsoft.com/office/drawing/2014/main" id="{7E5FF7F9-AA6A-437F-8A6E-4F162710C275}"/>
            </a:ext>
          </a:extLst>
        </xdr:cNvPr>
        <xdr:cNvSpPr/>
      </xdr:nvSpPr>
      <xdr:spPr>
        <a:xfrm>
          <a:off x="1079500" y="6477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65596E08-6D46-4007-BE56-EE1B2C527294}"/>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E0CB3400-8970-45C9-9FF9-9188FEAC7DD6}"/>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5560015B-9EA1-4015-8EC5-20F9EEEE4D7F}"/>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950AC897-C61F-4547-BC40-BAD9BDC1C387}"/>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4675ECAF-5109-407E-8DC3-EDD0BEBF5367}"/>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0655</xdr:rowOff>
    </xdr:from>
    <xdr:to>
      <xdr:col>24</xdr:col>
      <xdr:colOff>114300</xdr:colOff>
      <xdr:row>38</xdr:row>
      <xdr:rowOff>90805</xdr:rowOff>
    </xdr:to>
    <xdr:sp macro="" textlink="">
      <xdr:nvSpPr>
        <xdr:cNvPr id="73" name="楕円 72">
          <a:extLst>
            <a:ext uri="{FF2B5EF4-FFF2-40B4-BE49-F238E27FC236}">
              <a16:creationId xmlns:a16="http://schemas.microsoft.com/office/drawing/2014/main" id="{F8955449-2429-4B1A-9C97-042A87CC65E7}"/>
            </a:ext>
          </a:extLst>
        </xdr:cNvPr>
        <xdr:cNvSpPr/>
      </xdr:nvSpPr>
      <xdr:spPr>
        <a:xfrm>
          <a:off x="4584700" y="6504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2082</xdr:rowOff>
    </xdr:from>
    <xdr:ext cx="405111" cy="259045"/>
    <xdr:sp macro="" textlink="">
      <xdr:nvSpPr>
        <xdr:cNvPr id="74" name="【道路】&#10;有形固定資産減価償却率該当値テキスト">
          <a:extLst>
            <a:ext uri="{FF2B5EF4-FFF2-40B4-BE49-F238E27FC236}">
              <a16:creationId xmlns:a16="http://schemas.microsoft.com/office/drawing/2014/main" id="{76580DE1-EA0E-4BB8-9A97-D6CE5E5ED0D9}"/>
            </a:ext>
          </a:extLst>
        </xdr:cNvPr>
        <xdr:cNvSpPr txBox="1"/>
      </xdr:nvSpPr>
      <xdr:spPr>
        <a:xfrm>
          <a:off x="4673600" y="6355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24460</xdr:rowOff>
    </xdr:from>
    <xdr:to>
      <xdr:col>20</xdr:col>
      <xdr:colOff>38100</xdr:colOff>
      <xdr:row>38</xdr:row>
      <xdr:rowOff>54610</xdr:rowOff>
    </xdr:to>
    <xdr:sp macro="" textlink="">
      <xdr:nvSpPr>
        <xdr:cNvPr id="75" name="楕円 74">
          <a:extLst>
            <a:ext uri="{FF2B5EF4-FFF2-40B4-BE49-F238E27FC236}">
              <a16:creationId xmlns:a16="http://schemas.microsoft.com/office/drawing/2014/main" id="{F28A8774-910A-4284-BA9C-9D50910FA32D}"/>
            </a:ext>
          </a:extLst>
        </xdr:cNvPr>
        <xdr:cNvSpPr/>
      </xdr:nvSpPr>
      <xdr:spPr>
        <a:xfrm>
          <a:off x="3746500" y="6468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3810</xdr:rowOff>
    </xdr:from>
    <xdr:to>
      <xdr:col>24</xdr:col>
      <xdr:colOff>63500</xdr:colOff>
      <xdr:row>38</xdr:row>
      <xdr:rowOff>40005</xdr:rowOff>
    </xdr:to>
    <xdr:cxnSp macro="">
      <xdr:nvCxnSpPr>
        <xdr:cNvPr id="76" name="直線コネクタ 75">
          <a:extLst>
            <a:ext uri="{FF2B5EF4-FFF2-40B4-BE49-F238E27FC236}">
              <a16:creationId xmlns:a16="http://schemas.microsoft.com/office/drawing/2014/main" id="{406A032A-3E74-4605-A08E-824993E96C65}"/>
            </a:ext>
          </a:extLst>
        </xdr:cNvPr>
        <xdr:cNvCxnSpPr/>
      </xdr:nvCxnSpPr>
      <xdr:spPr>
        <a:xfrm>
          <a:off x="3797300" y="6518910"/>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8265</xdr:rowOff>
    </xdr:from>
    <xdr:to>
      <xdr:col>15</xdr:col>
      <xdr:colOff>101600</xdr:colOff>
      <xdr:row>38</xdr:row>
      <xdr:rowOff>18415</xdr:rowOff>
    </xdr:to>
    <xdr:sp macro="" textlink="">
      <xdr:nvSpPr>
        <xdr:cNvPr id="77" name="楕円 76">
          <a:extLst>
            <a:ext uri="{FF2B5EF4-FFF2-40B4-BE49-F238E27FC236}">
              <a16:creationId xmlns:a16="http://schemas.microsoft.com/office/drawing/2014/main" id="{FA8188EE-F303-4BD7-BF2B-673C9AEEDF84}"/>
            </a:ext>
          </a:extLst>
        </xdr:cNvPr>
        <xdr:cNvSpPr/>
      </xdr:nvSpPr>
      <xdr:spPr>
        <a:xfrm>
          <a:off x="2857500" y="6431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39065</xdr:rowOff>
    </xdr:from>
    <xdr:to>
      <xdr:col>19</xdr:col>
      <xdr:colOff>177800</xdr:colOff>
      <xdr:row>38</xdr:row>
      <xdr:rowOff>3810</xdr:rowOff>
    </xdr:to>
    <xdr:cxnSp macro="">
      <xdr:nvCxnSpPr>
        <xdr:cNvPr id="78" name="直線コネクタ 77">
          <a:extLst>
            <a:ext uri="{FF2B5EF4-FFF2-40B4-BE49-F238E27FC236}">
              <a16:creationId xmlns:a16="http://schemas.microsoft.com/office/drawing/2014/main" id="{A94C60E0-DBDF-4072-A785-C71F1DF66B8D}"/>
            </a:ext>
          </a:extLst>
        </xdr:cNvPr>
        <xdr:cNvCxnSpPr/>
      </xdr:nvCxnSpPr>
      <xdr:spPr>
        <a:xfrm>
          <a:off x="2908300" y="648271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39700</xdr:rowOff>
    </xdr:from>
    <xdr:to>
      <xdr:col>10</xdr:col>
      <xdr:colOff>165100</xdr:colOff>
      <xdr:row>38</xdr:row>
      <xdr:rowOff>69850</xdr:rowOff>
    </xdr:to>
    <xdr:sp macro="" textlink="">
      <xdr:nvSpPr>
        <xdr:cNvPr id="79" name="楕円 78">
          <a:extLst>
            <a:ext uri="{FF2B5EF4-FFF2-40B4-BE49-F238E27FC236}">
              <a16:creationId xmlns:a16="http://schemas.microsoft.com/office/drawing/2014/main" id="{DF93BD27-C4EC-4818-A86D-DA51B1D46F33}"/>
            </a:ext>
          </a:extLst>
        </xdr:cNvPr>
        <xdr:cNvSpPr/>
      </xdr:nvSpPr>
      <xdr:spPr>
        <a:xfrm>
          <a:off x="19685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39065</xdr:rowOff>
    </xdr:from>
    <xdr:to>
      <xdr:col>15</xdr:col>
      <xdr:colOff>50800</xdr:colOff>
      <xdr:row>38</xdr:row>
      <xdr:rowOff>19050</xdr:rowOff>
    </xdr:to>
    <xdr:cxnSp macro="">
      <xdr:nvCxnSpPr>
        <xdr:cNvPr id="80" name="直線コネクタ 79">
          <a:extLst>
            <a:ext uri="{FF2B5EF4-FFF2-40B4-BE49-F238E27FC236}">
              <a16:creationId xmlns:a16="http://schemas.microsoft.com/office/drawing/2014/main" id="{B853FC9F-C6A1-4A13-BFFC-87DBB72B87B4}"/>
            </a:ext>
          </a:extLst>
        </xdr:cNvPr>
        <xdr:cNvCxnSpPr/>
      </xdr:nvCxnSpPr>
      <xdr:spPr>
        <a:xfrm flipV="1">
          <a:off x="2019300" y="648271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97790</xdr:rowOff>
    </xdr:from>
    <xdr:to>
      <xdr:col>6</xdr:col>
      <xdr:colOff>38100</xdr:colOff>
      <xdr:row>38</xdr:row>
      <xdr:rowOff>27940</xdr:rowOff>
    </xdr:to>
    <xdr:sp macro="" textlink="">
      <xdr:nvSpPr>
        <xdr:cNvPr id="81" name="楕円 80">
          <a:extLst>
            <a:ext uri="{FF2B5EF4-FFF2-40B4-BE49-F238E27FC236}">
              <a16:creationId xmlns:a16="http://schemas.microsoft.com/office/drawing/2014/main" id="{600D4443-6338-4048-A460-9F02EBA22C04}"/>
            </a:ext>
          </a:extLst>
        </xdr:cNvPr>
        <xdr:cNvSpPr/>
      </xdr:nvSpPr>
      <xdr:spPr>
        <a:xfrm>
          <a:off x="1079500" y="64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48590</xdr:rowOff>
    </xdr:from>
    <xdr:to>
      <xdr:col>10</xdr:col>
      <xdr:colOff>114300</xdr:colOff>
      <xdr:row>38</xdr:row>
      <xdr:rowOff>19050</xdr:rowOff>
    </xdr:to>
    <xdr:cxnSp macro="">
      <xdr:nvCxnSpPr>
        <xdr:cNvPr id="82" name="直線コネクタ 81">
          <a:extLst>
            <a:ext uri="{FF2B5EF4-FFF2-40B4-BE49-F238E27FC236}">
              <a16:creationId xmlns:a16="http://schemas.microsoft.com/office/drawing/2014/main" id="{968B7AE8-E7CF-42B4-A86E-C9390BFE397F}"/>
            </a:ext>
          </a:extLst>
        </xdr:cNvPr>
        <xdr:cNvCxnSpPr/>
      </xdr:nvCxnSpPr>
      <xdr:spPr>
        <a:xfrm>
          <a:off x="1130300" y="649224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00982</xdr:rowOff>
    </xdr:from>
    <xdr:ext cx="405111" cy="259045"/>
    <xdr:sp macro="" textlink="">
      <xdr:nvSpPr>
        <xdr:cNvPr id="83" name="n_1aveValue【道路】&#10;有形固定資産減価償却率">
          <a:extLst>
            <a:ext uri="{FF2B5EF4-FFF2-40B4-BE49-F238E27FC236}">
              <a16:creationId xmlns:a16="http://schemas.microsoft.com/office/drawing/2014/main" id="{241F9163-F319-452C-A15F-1FDF0CC499C2}"/>
            </a:ext>
          </a:extLst>
        </xdr:cNvPr>
        <xdr:cNvSpPr txBox="1"/>
      </xdr:nvSpPr>
      <xdr:spPr>
        <a:xfrm>
          <a:off x="3582044" y="6616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95267</xdr:rowOff>
    </xdr:from>
    <xdr:ext cx="405111" cy="259045"/>
    <xdr:sp macro="" textlink="">
      <xdr:nvSpPr>
        <xdr:cNvPr id="84" name="n_2aveValue【道路】&#10;有形固定資産減価償却率">
          <a:extLst>
            <a:ext uri="{FF2B5EF4-FFF2-40B4-BE49-F238E27FC236}">
              <a16:creationId xmlns:a16="http://schemas.microsoft.com/office/drawing/2014/main" id="{0ECBC960-3CFD-4906-86BC-B8421F9E4B38}"/>
            </a:ext>
          </a:extLst>
        </xdr:cNvPr>
        <xdr:cNvSpPr txBox="1"/>
      </xdr:nvSpPr>
      <xdr:spPr>
        <a:xfrm>
          <a:off x="2705744" y="661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06697</xdr:rowOff>
    </xdr:from>
    <xdr:ext cx="405111" cy="259045"/>
    <xdr:sp macro="" textlink="">
      <xdr:nvSpPr>
        <xdr:cNvPr id="85" name="n_3aveValue【道路】&#10;有形固定資産減価償却率">
          <a:extLst>
            <a:ext uri="{FF2B5EF4-FFF2-40B4-BE49-F238E27FC236}">
              <a16:creationId xmlns:a16="http://schemas.microsoft.com/office/drawing/2014/main" id="{F0F2922B-5A64-4044-AA2F-AC8631C4F8F0}"/>
            </a:ext>
          </a:extLst>
        </xdr:cNvPr>
        <xdr:cNvSpPr txBox="1"/>
      </xdr:nvSpPr>
      <xdr:spPr>
        <a:xfrm>
          <a:off x="1816744"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55262</xdr:rowOff>
    </xdr:from>
    <xdr:ext cx="405111" cy="259045"/>
    <xdr:sp macro="" textlink="">
      <xdr:nvSpPr>
        <xdr:cNvPr id="86" name="n_4aveValue【道路】&#10;有形固定資産減価償却率">
          <a:extLst>
            <a:ext uri="{FF2B5EF4-FFF2-40B4-BE49-F238E27FC236}">
              <a16:creationId xmlns:a16="http://schemas.microsoft.com/office/drawing/2014/main" id="{2F067F5E-C4DF-4FFC-A981-161347FB704F}"/>
            </a:ext>
          </a:extLst>
        </xdr:cNvPr>
        <xdr:cNvSpPr txBox="1"/>
      </xdr:nvSpPr>
      <xdr:spPr>
        <a:xfrm>
          <a:off x="927744" y="657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71137</xdr:rowOff>
    </xdr:from>
    <xdr:ext cx="405111" cy="259045"/>
    <xdr:sp macro="" textlink="">
      <xdr:nvSpPr>
        <xdr:cNvPr id="87" name="n_1mainValue【道路】&#10;有形固定資産減価償却率">
          <a:extLst>
            <a:ext uri="{FF2B5EF4-FFF2-40B4-BE49-F238E27FC236}">
              <a16:creationId xmlns:a16="http://schemas.microsoft.com/office/drawing/2014/main" id="{76E93D41-96AD-46C7-8C09-B6A309B8C68B}"/>
            </a:ext>
          </a:extLst>
        </xdr:cNvPr>
        <xdr:cNvSpPr txBox="1"/>
      </xdr:nvSpPr>
      <xdr:spPr>
        <a:xfrm>
          <a:off x="3582044" y="6243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34942</xdr:rowOff>
    </xdr:from>
    <xdr:ext cx="405111" cy="259045"/>
    <xdr:sp macro="" textlink="">
      <xdr:nvSpPr>
        <xdr:cNvPr id="88" name="n_2mainValue【道路】&#10;有形固定資産減価償却率">
          <a:extLst>
            <a:ext uri="{FF2B5EF4-FFF2-40B4-BE49-F238E27FC236}">
              <a16:creationId xmlns:a16="http://schemas.microsoft.com/office/drawing/2014/main" id="{35DAF29D-8F4F-4879-91F4-390B72A002F8}"/>
            </a:ext>
          </a:extLst>
        </xdr:cNvPr>
        <xdr:cNvSpPr txBox="1"/>
      </xdr:nvSpPr>
      <xdr:spPr>
        <a:xfrm>
          <a:off x="2705744" y="620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86377</xdr:rowOff>
    </xdr:from>
    <xdr:ext cx="405111" cy="259045"/>
    <xdr:sp macro="" textlink="">
      <xdr:nvSpPr>
        <xdr:cNvPr id="89" name="n_3mainValue【道路】&#10;有形固定資産減価償却率">
          <a:extLst>
            <a:ext uri="{FF2B5EF4-FFF2-40B4-BE49-F238E27FC236}">
              <a16:creationId xmlns:a16="http://schemas.microsoft.com/office/drawing/2014/main" id="{26049A09-6586-4D2A-BBA3-6B0855C43B1E}"/>
            </a:ext>
          </a:extLst>
        </xdr:cNvPr>
        <xdr:cNvSpPr txBox="1"/>
      </xdr:nvSpPr>
      <xdr:spPr>
        <a:xfrm>
          <a:off x="1816744" y="625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44467</xdr:rowOff>
    </xdr:from>
    <xdr:ext cx="405111" cy="259045"/>
    <xdr:sp macro="" textlink="">
      <xdr:nvSpPr>
        <xdr:cNvPr id="90" name="n_4mainValue【道路】&#10;有形固定資産減価償却率">
          <a:extLst>
            <a:ext uri="{FF2B5EF4-FFF2-40B4-BE49-F238E27FC236}">
              <a16:creationId xmlns:a16="http://schemas.microsoft.com/office/drawing/2014/main" id="{D3436CCC-CF8C-4144-B27A-3D171F2C2A25}"/>
            </a:ext>
          </a:extLst>
        </xdr:cNvPr>
        <xdr:cNvSpPr txBox="1"/>
      </xdr:nvSpPr>
      <xdr:spPr>
        <a:xfrm>
          <a:off x="927744" y="6216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94249C56-E3F3-4D12-8465-F94390DFFFA3}"/>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F0E61004-B2CC-4E70-A905-91D868C87273}"/>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E7720F83-CA5B-4B23-84EE-ED50FDD1BC2D}"/>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C12EEAB8-EC1D-43AE-B4D5-B8462B9AF5A7}"/>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5439DD56-DA81-4890-BA9A-1D609158C571}"/>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679536C2-A912-4BB6-BAFB-19679189CBE7}"/>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65A09E6B-73C9-4561-9553-DBEA6E2FA8F7}"/>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A85D0DBD-123E-46E5-B837-6452C8F0CB85}"/>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72FE94CB-2F30-4885-A8AE-12D6885FB82A}"/>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3E5F6947-AFB2-483B-A010-8DB4CF6B958B}"/>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BD0313BE-497B-463D-B2FB-910AF57BF1AF}"/>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FEA94F91-5D3F-4A60-A87F-612A1017D559}"/>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4D820C6F-28F1-49E4-A59F-FEE34D952012}"/>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9</xdr:row>
      <xdr:rowOff>29227</xdr:rowOff>
    </xdr:from>
    <xdr:ext cx="685572" cy="259045"/>
    <xdr:sp macro="" textlink="">
      <xdr:nvSpPr>
        <xdr:cNvPr id="104" name="テキスト ボックス 103">
          <a:extLst>
            <a:ext uri="{FF2B5EF4-FFF2-40B4-BE49-F238E27FC236}">
              <a16:creationId xmlns:a16="http://schemas.microsoft.com/office/drawing/2014/main" id="{71F7D08E-B17A-4771-A836-96D6DE9D8B07}"/>
            </a:ext>
          </a:extLst>
        </xdr:cNvPr>
        <xdr:cNvSpPr txBox="1"/>
      </xdr:nvSpPr>
      <xdr:spPr>
        <a:xfrm>
          <a:off x="5918428" y="671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F9D2C801-EAB5-49F3-ACD5-113432EEC060}"/>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6</xdr:row>
      <xdr:rowOff>162577</xdr:rowOff>
    </xdr:from>
    <xdr:ext cx="685572" cy="259045"/>
    <xdr:sp macro="" textlink="">
      <xdr:nvSpPr>
        <xdr:cNvPr id="106" name="テキスト ボックス 105">
          <a:extLst>
            <a:ext uri="{FF2B5EF4-FFF2-40B4-BE49-F238E27FC236}">
              <a16:creationId xmlns:a16="http://schemas.microsoft.com/office/drawing/2014/main" id="{465E2C06-1E36-4BE1-B7CB-B527A20D6BC9}"/>
            </a:ext>
          </a:extLst>
        </xdr:cNvPr>
        <xdr:cNvSpPr txBox="1"/>
      </xdr:nvSpPr>
      <xdr:spPr>
        <a:xfrm>
          <a:off x="5918428" y="633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969D1804-85D2-47A6-9B8A-ABD10A9A791A}"/>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4</xdr:row>
      <xdr:rowOff>124477</xdr:rowOff>
    </xdr:from>
    <xdr:ext cx="685572" cy="259045"/>
    <xdr:sp macro="" textlink="">
      <xdr:nvSpPr>
        <xdr:cNvPr id="108" name="テキスト ボックス 107">
          <a:extLst>
            <a:ext uri="{FF2B5EF4-FFF2-40B4-BE49-F238E27FC236}">
              <a16:creationId xmlns:a16="http://schemas.microsoft.com/office/drawing/2014/main" id="{F178A12C-CC44-471E-ABDC-347023553CC1}"/>
            </a:ext>
          </a:extLst>
        </xdr:cNvPr>
        <xdr:cNvSpPr txBox="1"/>
      </xdr:nvSpPr>
      <xdr:spPr>
        <a:xfrm>
          <a:off x="5918428" y="595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E540A159-8117-414F-860A-EC0FC269319E}"/>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2</xdr:row>
      <xdr:rowOff>86377</xdr:rowOff>
    </xdr:from>
    <xdr:ext cx="685572" cy="259045"/>
    <xdr:sp macro="" textlink="">
      <xdr:nvSpPr>
        <xdr:cNvPr id="110" name="テキスト ボックス 109">
          <a:extLst>
            <a:ext uri="{FF2B5EF4-FFF2-40B4-BE49-F238E27FC236}">
              <a16:creationId xmlns:a16="http://schemas.microsoft.com/office/drawing/2014/main" id="{F35D6D4E-DD34-415B-A99D-0D0B389B7D00}"/>
            </a:ext>
          </a:extLst>
        </xdr:cNvPr>
        <xdr:cNvSpPr txBox="1"/>
      </xdr:nvSpPr>
      <xdr:spPr>
        <a:xfrm>
          <a:off x="5918428" y="557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549DB73F-77E0-4D38-A70C-D50E69278A71}"/>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30</xdr:row>
      <xdr:rowOff>48277</xdr:rowOff>
    </xdr:from>
    <xdr:ext cx="749692" cy="259045"/>
    <xdr:sp macro="" textlink="">
      <xdr:nvSpPr>
        <xdr:cNvPr id="112" name="テキスト ボックス 111">
          <a:extLst>
            <a:ext uri="{FF2B5EF4-FFF2-40B4-BE49-F238E27FC236}">
              <a16:creationId xmlns:a16="http://schemas.microsoft.com/office/drawing/2014/main" id="{A1FAB559-2234-4C4A-9B38-35FF768DD770}"/>
            </a:ext>
          </a:extLst>
        </xdr:cNvPr>
        <xdr:cNvSpPr txBox="1"/>
      </xdr:nvSpPr>
      <xdr:spPr>
        <a:xfrm>
          <a:off x="5854308" y="5191777"/>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19AF7D93-F8E8-422D-B12B-BBC12CB58A87}"/>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21072</xdr:rowOff>
    </xdr:from>
    <xdr:to>
      <xdr:col>54</xdr:col>
      <xdr:colOff>189865</xdr:colOff>
      <xdr:row>42</xdr:row>
      <xdr:rowOff>37339</xdr:rowOff>
    </xdr:to>
    <xdr:cxnSp macro="">
      <xdr:nvCxnSpPr>
        <xdr:cNvPr id="114" name="直線コネクタ 113">
          <a:extLst>
            <a:ext uri="{FF2B5EF4-FFF2-40B4-BE49-F238E27FC236}">
              <a16:creationId xmlns:a16="http://schemas.microsoft.com/office/drawing/2014/main" id="{FCAD2503-576A-4A0C-9908-5A656549515F}"/>
            </a:ext>
          </a:extLst>
        </xdr:cNvPr>
        <xdr:cNvCxnSpPr/>
      </xdr:nvCxnSpPr>
      <xdr:spPr>
        <a:xfrm flipV="1">
          <a:off x="10476865" y="5607472"/>
          <a:ext cx="0" cy="16307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66752</xdr:rowOff>
    </xdr:from>
    <xdr:ext cx="469744" cy="259045"/>
    <xdr:sp macro="" textlink="">
      <xdr:nvSpPr>
        <xdr:cNvPr id="115" name="【道路】&#10;一人当たり延長最小値テキスト">
          <a:extLst>
            <a:ext uri="{FF2B5EF4-FFF2-40B4-BE49-F238E27FC236}">
              <a16:creationId xmlns:a16="http://schemas.microsoft.com/office/drawing/2014/main" id="{12C67BA2-959E-4530-BD99-BFE4B8EBFD20}"/>
            </a:ext>
          </a:extLst>
        </xdr:cNvPr>
        <xdr:cNvSpPr txBox="1"/>
      </xdr:nvSpPr>
      <xdr:spPr>
        <a:xfrm>
          <a:off x="10515600" y="7267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37339</xdr:rowOff>
    </xdr:from>
    <xdr:to>
      <xdr:col>55</xdr:col>
      <xdr:colOff>88900</xdr:colOff>
      <xdr:row>42</xdr:row>
      <xdr:rowOff>37339</xdr:rowOff>
    </xdr:to>
    <xdr:cxnSp macro="">
      <xdr:nvCxnSpPr>
        <xdr:cNvPr id="116" name="直線コネクタ 115">
          <a:extLst>
            <a:ext uri="{FF2B5EF4-FFF2-40B4-BE49-F238E27FC236}">
              <a16:creationId xmlns:a16="http://schemas.microsoft.com/office/drawing/2014/main" id="{B98542E1-DFD0-4F9F-BCC0-14C8E2F53774}"/>
            </a:ext>
          </a:extLst>
        </xdr:cNvPr>
        <xdr:cNvCxnSpPr/>
      </xdr:nvCxnSpPr>
      <xdr:spPr>
        <a:xfrm>
          <a:off x="10388600" y="7238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7749</xdr:rowOff>
    </xdr:from>
    <xdr:ext cx="690189" cy="259045"/>
    <xdr:sp macro="" textlink="">
      <xdr:nvSpPr>
        <xdr:cNvPr id="117" name="【道路】&#10;一人当たり延長最大値テキスト">
          <a:extLst>
            <a:ext uri="{FF2B5EF4-FFF2-40B4-BE49-F238E27FC236}">
              <a16:creationId xmlns:a16="http://schemas.microsoft.com/office/drawing/2014/main" id="{2F600C31-9237-4B5F-9EC1-C1F98FD2454D}"/>
            </a:ext>
          </a:extLst>
        </xdr:cNvPr>
        <xdr:cNvSpPr txBox="1"/>
      </xdr:nvSpPr>
      <xdr:spPr>
        <a:xfrm>
          <a:off x="10515600" y="538269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4.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21072</xdr:rowOff>
    </xdr:from>
    <xdr:to>
      <xdr:col>55</xdr:col>
      <xdr:colOff>88900</xdr:colOff>
      <xdr:row>32</xdr:row>
      <xdr:rowOff>121072</xdr:rowOff>
    </xdr:to>
    <xdr:cxnSp macro="">
      <xdr:nvCxnSpPr>
        <xdr:cNvPr id="118" name="直線コネクタ 117">
          <a:extLst>
            <a:ext uri="{FF2B5EF4-FFF2-40B4-BE49-F238E27FC236}">
              <a16:creationId xmlns:a16="http://schemas.microsoft.com/office/drawing/2014/main" id="{1CD3DF61-FF92-494D-92FF-D51E31AE537E}"/>
            </a:ext>
          </a:extLst>
        </xdr:cNvPr>
        <xdr:cNvCxnSpPr/>
      </xdr:nvCxnSpPr>
      <xdr:spPr>
        <a:xfrm>
          <a:off x="10388600" y="5607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55652</xdr:rowOff>
    </xdr:from>
    <xdr:ext cx="599010" cy="259045"/>
    <xdr:sp macro="" textlink="">
      <xdr:nvSpPr>
        <xdr:cNvPr id="119" name="【道路】&#10;一人当たり延長平均値テキスト">
          <a:extLst>
            <a:ext uri="{FF2B5EF4-FFF2-40B4-BE49-F238E27FC236}">
              <a16:creationId xmlns:a16="http://schemas.microsoft.com/office/drawing/2014/main" id="{A95D4273-6B5E-457F-B0CB-F2D1D7109DA1}"/>
            </a:ext>
          </a:extLst>
        </xdr:cNvPr>
        <xdr:cNvSpPr txBox="1"/>
      </xdr:nvSpPr>
      <xdr:spPr>
        <a:xfrm>
          <a:off x="10515600" y="701365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32775</xdr:rowOff>
    </xdr:from>
    <xdr:to>
      <xdr:col>55</xdr:col>
      <xdr:colOff>50800</xdr:colOff>
      <xdr:row>42</xdr:row>
      <xdr:rowOff>62925</xdr:rowOff>
    </xdr:to>
    <xdr:sp macro="" textlink="">
      <xdr:nvSpPr>
        <xdr:cNvPr id="120" name="フローチャート: 判断 119">
          <a:extLst>
            <a:ext uri="{FF2B5EF4-FFF2-40B4-BE49-F238E27FC236}">
              <a16:creationId xmlns:a16="http://schemas.microsoft.com/office/drawing/2014/main" id="{37D8AE20-8800-4A7A-A763-B51842614C10}"/>
            </a:ext>
          </a:extLst>
        </xdr:cNvPr>
        <xdr:cNvSpPr/>
      </xdr:nvSpPr>
      <xdr:spPr>
        <a:xfrm>
          <a:off x="10426700" y="7162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152389</xdr:rowOff>
    </xdr:from>
    <xdr:to>
      <xdr:col>50</xdr:col>
      <xdr:colOff>165100</xdr:colOff>
      <xdr:row>42</xdr:row>
      <xdr:rowOff>82539</xdr:rowOff>
    </xdr:to>
    <xdr:sp macro="" textlink="">
      <xdr:nvSpPr>
        <xdr:cNvPr id="121" name="フローチャート: 判断 120">
          <a:extLst>
            <a:ext uri="{FF2B5EF4-FFF2-40B4-BE49-F238E27FC236}">
              <a16:creationId xmlns:a16="http://schemas.microsoft.com/office/drawing/2014/main" id="{F260764D-0673-4A15-880F-80E1DB54A7E3}"/>
            </a:ext>
          </a:extLst>
        </xdr:cNvPr>
        <xdr:cNvSpPr/>
      </xdr:nvSpPr>
      <xdr:spPr>
        <a:xfrm>
          <a:off x="9588500" y="7181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152209</xdr:rowOff>
    </xdr:from>
    <xdr:to>
      <xdr:col>46</xdr:col>
      <xdr:colOff>38100</xdr:colOff>
      <xdr:row>42</xdr:row>
      <xdr:rowOff>82359</xdr:rowOff>
    </xdr:to>
    <xdr:sp macro="" textlink="">
      <xdr:nvSpPr>
        <xdr:cNvPr id="122" name="フローチャート: 判断 121">
          <a:extLst>
            <a:ext uri="{FF2B5EF4-FFF2-40B4-BE49-F238E27FC236}">
              <a16:creationId xmlns:a16="http://schemas.microsoft.com/office/drawing/2014/main" id="{1FA27C06-1A6F-404C-9BFB-4EE42EB37BEE}"/>
            </a:ext>
          </a:extLst>
        </xdr:cNvPr>
        <xdr:cNvSpPr/>
      </xdr:nvSpPr>
      <xdr:spPr>
        <a:xfrm>
          <a:off x="8699500" y="7181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152168</xdr:rowOff>
    </xdr:from>
    <xdr:to>
      <xdr:col>41</xdr:col>
      <xdr:colOff>101600</xdr:colOff>
      <xdr:row>42</xdr:row>
      <xdr:rowOff>82318</xdr:rowOff>
    </xdr:to>
    <xdr:sp macro="" textlink="">
      <xdr:nvSpPr>
        <xdr:cNvPr id="123" name="フローチャート: 判断 122">
          <a:extLst>
            <a:ext uri="{FF2B5EF4-FFF2-40B4-BE49-F238E27FC236}">
              <a16:creationId xmlns:a16="http://schemas.microsoft.com/office/drawing/2014/main" id="{B06FF7F5-312D-4AD1-9311-C8581EDA2414}"/>
            </a:ext>
          </a:extLst>
        </xdr:cNvPr>
        <xdr:cNvSpPr/>
      </xdr:nvSpPr>
      <xdr:spPr>
        <a:xfrm>
          <a:off x="7810500" y="7181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1</xdr:row>
      <xdr:rowOff>152504</xdr:rowOff>
    </xdr:from>
    <xdr:to>
      <xdr:col>36</xdr:col>
      <xdr:colOff>165100</xdr:colOff>
      <xdr:row>42</xdr:row>
      <xdr:rowOff>82654</xdr:rowOff>
    </xdr:to>
    <xdr:sp macro="" textlink="">
      <xdr:nvSpPr>
        <xdr:cNvPr id="124" name="フローチャート: 判断 123">
          <a:extLst>
            <a:ext uri="{FF2B5EF4-FFF2-40B4-BE49-F238E27FC236}">
              <a16:creationId xmlns:a16="http://schemas.microsoft.com/office/drawing/2014/main" id="{DFD8B813-82A3-4329-B51B-425672B9392A}"/>
            </a:ext>
          </a:extLst>
        </xdr:cNvPr>
        <xdr:cNvSpPr/>
      </xdr:nvSpPr>
      <xdr:spPr>
        <a:xfrm>
          <a:off x="6921500" y="7181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F1D24491-874C-4A14-9E85-D9BF209A775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C317FBE-6BE1-4DE0-B4E5-165E0A8479C2}"/>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BC7A2E0E-3FB6-4500-AD16-594DBE95FE14}"/>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D85CFF8D-A277-4A17-9F68-A0A036DF72C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6BE24BB6-D6D7-4334-AB02-8230C4D626AB}"/>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56323</xdr:rowOff>
    </xdr:from>
    <xdr:to>
      <xdr:col>55</xdr:col>
      <xdr:colOff>50800</xdr:colOff>
      <xdr:row>42</xdr:row>
      <xdr:rowOff>86473</xdr:rowOff>
    </xdr:to>
    <xdr:sp macro="" textlink="">
      <xdr:nvSpPr>
        <xdr:cNvPr id="130" name="楕円 129">
          <a:extLst>
            <a:ext uri="{FF2B5EF4-FFF2-40B4-BE49-F238E27FC236}">
              <a16:creationId xmlns:a16="http://schemas.microsoft.com/office/drawing/2014/main" id="{D52F3F23-FAD2-4BEE-8984-E308DB4A6381}"/>
            </a:ext>
          </a:extLst>
        </xdr:cNvPr>
        <xdr:cNvSpPr/>
      </xdr:nvSpPr>
      <xdr:spPr>
        <a:xfrm>
          <a:off x="10426700" y="7185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11201</xdr:rowOff>
    </xdr:from>
    <xdr:ext cx="534377" cy="259045"/>
    <xdr:sp macro="" textlink="">
      <xdr:nvSpPr>
        <xdr:cNvPr id="131" name="【道路】&#10;一人当たり延長該当値テキスト">
          <a:extLst>
            <a:ext uri="{FF2B5EF4-FFF2-40B4-BE49-F238E27FC236}">
              <a16:creationId xmlns:a16="http://schemas.microsoft.com/office/drawing/2014/main" id="{F46326ED-7144-47E7-931F-EB130594B5CB}"/>
            </a:ext>
          </a:extLst>
        </xdr:cNvPr>
        <xdr:cNvSpPr txBox="1"/>
      </xdr:nvSpPr>
      <xdr:spPr>
        <a:xfrm>
          <a:off x="10515600" y="7140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56368</xdr:rowOff>
    </xdr:from>
    <xdr:to>
      <xdr:col>50</xdr:col>
      <xdr:colOff>165100</xdr:colOff>
      <xdr:row>42</xdr:row>
      <xdr:rowOff>86518</xdr:rowOff>
    </xdr:to>
    <xdr:sp macro="" textlink="">
      <xdr:nvSpPr>
        <xdr:cNvPr id="132" name="楕円 131">
          <a:extLst>
            <a:ext uri="{FF2B5EF4-FFF2-40B4-BE49-F238E27FC236}">
              <a16:creationId xmlns:a16="http://schemas.microsoft.com/office/drawing/2014/main" id="{3D77565E-5613-49F1-B7FD-090DF3759C7F}"/>
            </a:ext>
          </a:extLst>
        </xdr:cNvPr>
        <xdr:cNvSpPr/>
      </xdr:nvSpPr>
      <xdr:spPr>
        <a:xfrm>
          <a:off x="9588500" y="7185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2</xdr:row>
      <xdr:rowOff>35673</xdr:rowOff>
    </xdr:from>
    <xdr:to>
      <xdr:col>55</xdr:col>
      <xdr:colOff>0</xdr:colOff>
      <xdr:row>42</xdr:row>
      <xdr:rowOff>35718</xdr:rowOff>
    </xdr:to>
    <xdr:cxnSp macro="">
      <xdr:nvCxnSpPr>
        <xdr:cNvPr id="133" name="直線コネクタ 132">
          <a:extLst>
            <a:ext uri="{FF2B5EF4-FFF2-40B4-BE49-F238E27FC236}">
              <a16:creationId xmlns:a16="http://schemas.microsoft.com/office/drawing/2014/main" id="{02864877-DAC7-4CB1-A894-E9B8625733D9}"/>
            </a:ext>
          </a:extLst>
        </xdr:cNvPr>
        <xdr:cNvCxnSpPr/>
      </xdr:nvCxnSpPr>
      <xdr:spPr>
        <a:xfrm flipV="1">
          <a:off x="9639300" y="7236573"/>
          <a:ext cx="838200" cy="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156397</xdr:rowOff>
    </xdr:from>
    <xdr:to>
      <xdr:col>46</xdr:col>
      <xdr:colOff>38100</xdr:colOff>
      <xdr:row>42</xdr:row>
      <xdr:rowOff>86547</xdr:rowOff>
    </xdr:to>
    <xdr:sp macro="" textlink="">
      <xdr:nvSpPr>
        <xdr:cNvPr id="134" name="楕円 133">
          <a:extLst>
            <a:ext uri="{FF2B5EF4-FFF2-40B4-BE49-F238E27FC236}">
              <a16:creationId xmlns:a16="http://schemas.microsoft.com/office/drawing/2014/main" id="{C723F81E-4211-49E7-AD0C-FB1622A206D7}"/>
            </a:ext>
          </a:extLst>
        </xdr:cNvPr>
        <xdr:cNvSpPr/>
      </xdr:nvSpPr>
      <xdr:spPr>
        <a:xfrm>
          <a:off x="8699500" y="7185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2</xdr:row>
      <xdr:rowOff>35718</xdr:rowOff>
    </xdr:from>
    <xdr:to>
      <xdr:col>50</xdr:col>
      <xdr:colOff>114300</xdr:colOff>
      <xdr:row>42</xdr:row>
      <xdr:rowOff>35747</xdr:rowOff>
    </xdr:to>
    <xdr:cxnSp macro="">
      <xdr:nvCxnSpPr>
        <xdr:cNvPr id="135" name="直線コネクタ 134">
          <a:extLst>
            <a:ext uri="{FF2B5EF4-FFF2-40B4-BE49-F238E27FC236}">
              <a16:creationId xmlns:a16="http://schemas.microsoft.com/office/drawing/2014/main" id="{A076F84F-923C-43FE-BFF5-C56F488468BB}"/>
            </a:ext>
          </a:extLst>
        </xdr:cNvPr>
        <xdr:cNvCxnSpPr/>
      </xdr:nvCxnSpPr>
      <xdr:spPr>
        <a:xfrm flipV="1">
          <a:off x="8750300" y="7236618"/>
          <a:ext cx="889000" cy="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56439</xdr:rowOff>
    </xdr:from>
    <xdr:to>
      <xdr:col>41</xdr:col>
      <xdr:colOff>101600</xdr:colOff>
      <xdr:row>42</xdr:row>
      <xdr:rowOff>86589</xdr:rowOff>
    </xdr:to>
    <xdr:sp macro="" textlink="">
      <xdr:nvSpPr>
        <xdr:cNvPr id="136" name="楕円 135">
          <a:extLst>
            <a:ext uri="{FF2B5EF4-FFF2-40B4-BE49-F238E27FC236}">
              <a16:creationId xmlns:a16="http://schemas.microsoft.com/office/drawing/2014/main" id="{09D93A96-507B-47D7-B91C-AE59A38DB102}"/>
            </a:ext>
          </a:extLst>
        </xdr:cNvPr>
        <xdr:cNvSpPr/>
      </xdr:nvSpPr>
      <xdr:spPr>
        <a:xfrm>
          <a:off x="7810500" y="7185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2</xdr:row>
      <xdr:rowOff>35747</xdr:rowOff>
    </xdr:from>
    <xdr:to>
      <xdr:col>45</xdr:col>
      <xdr:colOff>177800</xdr:colOff>
      <xdr:row>42</xdr:row>
      <xdr:rowOff>35789</xdr:rowOff>
    </xdr:to>
    <xdr:cxnSp macro="">
      <xdr:nvCxnSpPr>
        <xdr:cNvPr id="137" name="直線コネクタ 136">
          <a:extLst>
            <a:ext uri="{FF2B5EF4-FFF2-40B4-BE49-F238E27FC236}">
              <a16:creationId xmlns:a16="http://schemas.microsoft.com/office/drawing/2014/main" id="{B0A50EA5-1468-4F27-B31F-8E754DB567AA}"/>
            </a:ext>
          </a:extLst>
        </xdr:cNvPr>
        <xdr:cNvCxnSpPr/>
      </xdr:nvCxnSpPr>
      <xdr:spPr>
        <a:xfrm flipV="1">
          <a:off x="7861300" y="7236647"/>
          <a:ext cx="889000" cy="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156704</xdr:rowOff>
    </xdr:from>
    <xdr:to>
      <xdr:col>36</xdr:col>
      <xdr:colOff>165100</xdr:colOff>
      <xdr:row>42</xdr:row>
      <xdr:rowOff>86854</xdr:rowOff>
    </xdr:to>
    <xdr:sp macro="" textlink="">
      <xdr:nvSpPr>
        <xdr:cNvPr id="138" name="楕円 137">
          <a:extLst>
            <a:ext uri="{FF2B5EF4-FFF2-40B4-BE49-F238E27FC236}">
              <a16:creationId xmlns:a16="http://schemas.microsoft.com/office/drawing/2014/main" id="{A0512B11-B28C-4A08-8CF9-8D92BA85770A}"/>
            </a:ext>
          </a:extLst>
        </xdr:cNvPr>
        <xdr:cNvSpPr/>
      </xdr:nvSpPr>
      <xdr:spPr>
        <a:xfrm>
          <a:off x="6921500" y="7186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2</xdr:row>
      <xdr:rowOff>35789</xdr:rowOff>
    </xdr:from>
    <xdr:to>
      <xdr:col>41</xdr:col>
      <xdr:colOff>50800</xdr:colOff>
      <xdr:row>42</xdr:row>
      <xdr:rowOff>36054</xdr:rowOff>
    </xdr:to>
    <xdr:cxnSp macro="">
      <xdr:nvCxnSpPr>
        <xdr:cNvPr id="139" name="直線コネクタ 138">
          <a:extLst>
            <a:ext uri="{FF2B5EF4-FFF2-40B4-BE49-F238E27FC236}">
              <a16:creationId xmlns:a16="http://schemas.microsoft.com/office/drawing/2014/main" id="{3F77BC1F-80E3-4161-9C44-66B335891781}"/>
            </a:ext>
          </a:extLst>
        </xdr:cNvPr>
        <xdr:cNvCxnSpPr/>
      </xdr:nvCxnSpPr>
      <xdr:spPr>
        <a:xfrm flipV="1">
          <a:off x="6972300" y="7236689"/>
          <a:ext cx="889000" cy="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40</xdr:row>
      <xdr:rowOff>99066</xdr:rowOff>
    </xdr:from>
    <xdr:ext cx="534377" cy="259045"/>
    <xdr:sp macro="" textlink="">
      <xdr:nvSpPr>
        <xdr:cNvPr id="140" name="n_1aveValue【道路】&#10;一人当たり延長">
          <a:extLst>
            <a:ext uri="{FF2B5EF4-FFF2-40B4-BE49-F238E27FC236}">
              <a16:creationId xmlns:a16="http://schemas.microsoft.com/office/drawing/2014/main" id="{F501467C-4F3E-43E4-B5F2-A0CFBE2E94FC}"/>
            </a:ext>
          </a:extLst>
        </xdr:cNvPr>
        <xdr:cNvSpPr txBox="1"/>
      </xdr:nvSpPr>
      <xdr:spPr>
        <a:xfrm>
          <a:off x="9359411" y="6957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0</xdr:row>
      <xdr:rowOff>98886</xdr:rowOff>
    </xdr:from>
    <xdr:ext cx="534377" cy="259045"/>
    <xdr:sp macro="" textlink="">
      <xdr:nvSpPr>
        <xdr:cNvPr id="141" name="n_2aveValue【道路】&#10;一人当たり延長">
          <a:extLst>
            <a:ext uri="{FF2B5EF4-FFF2-40B4-BE49-F238E27FC236}">
              <a16:creationId xmlns:a16="http://schemas.microsoft.com/office/drawing/2014/main" id="{38319A10-3F5F-416A-B2C3-3F058BB363FB}"/>
            </a:ext>
          </a:extLst>
        </xdr:cNvPr>
        <xdr:cNvSpPr txBox="1"/>
      </xdr:nvSpPr>
      <xdr:spPr>
        <a:xfrm>
          <a:off x="8483111" y="6956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0</xdr:row>
      <xdr:rowOff>98845</xdr:rowOff>
    </xdr:from>
    <xdr:ext cx="534377" cy="259045"/>
    <xdr:sp macro="" textlink="">
      <xdr:nvSpPr>
        <xdr:cNvPr id="142" name="n_3aveValue【道路】&#10;一人当たり延長">
          <a:extLst>
            <a:ext uri="{FF2B5EF4-FFF2-40B4-BE49-F238E27FC236}">
              <a16:creationId xmlns:a16="http://schemas.microsoft.com/office/drawing/2014/main" id="{D98D15B5-5770-4AAD-B10E-D8C5B6CE7EF0}"/>
            </a:ext>
          </a:extLst>
        </xdr:cNvPr>
        <xdr:cNvSpPr txBox="1"/>
      </xdr:nvSpPr>
      <xdr:spPr>
        <a:xfrm>
          <a:off x="7594111" y="6956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0</xdr:row>
      <xdr:rowOff>99181</xdr:rowOff>
    </xdr:from>
    <xdr:ext cx="534377" cy="259045"/>
    <xdr:sp macro="" textlink="">
      <xdr:nvSpPr>
        <xdr:cNvPr id="143" name="n_4aveValue【道路】&#10;一人当たり延長">
          <a:extLst>
            <a:ext uri="{FF2B5EF4-FFF2-40B4-BE49-F238E27FC236}">
              <a16:creationId xmlns:a16="http://schemas.microsoft.com/office/drawing/2014/main" id="{B097CF94-056E-4DEE-963D-119537ED84F1}"/>
            </a:ext>
          </a:extLst>
        </xdr:cNvPr>
        <xdr:cNvSpPr txBox="1"/>
      </xdr:nvSpPr>
      <xdr:spPr>
        <a:xfrm>
          <a:off x="6705111" y="6957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2</xdr:row>
      <xdr:rowOff>77645</xdr:rowOff>
    </xdr:from>
    <xdr:ext cx="534377" cy="259045"/>
    <xdr:sp macro="" textlink="">
      <xdr:nvSpPr>
        <xdr:cNvPr id="144" name="n_1mainValue【道路】&#10;一人当たり延長">
          <a:extLst>
            <a:ext uri="{FF2B5EF4-FFF2-40B4-BE49-F238E27FC236}">
              <a16:creationId xmlns:a16="http://schemas.microsoft.com/office/drawing/2014/main" id="{0211A8C4-1EB9-4054-969F-0CB7BEADDEDB}"/>
            </a:ext>
          </a:extLst>
        </xdr:cNvPr>
        <xdr:cNvSpPr txBox="1"/>
      </xdr:nvSpPr>
      <xdr:spPr>
        <a:xfrm>
          <a:off x="9359411" y="7278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2</xdr:row>
      <xdr:rowOff>77674</xdr:rowOff>
    </xdr:from>
    <xdr:ext cx="534377" cy="259045"/>
    <xdr:sp macro="" textlink="">
      <xdr:nvSpPr>
        <xdr:cNvPr id="145" name="n_2mainValue【道路】&#10;一人当たり延長">
          <a:extLst>
            <a:ext uri="{FF2B5EF4-FFF2-40B4-BE49-F238E27FC236}">
              <a16:creationId xmlns:a16="http://schemas.microsoft.com/office/drawing/2014/main" id="{8FBAE056-199C-49A7-AA0F-B95F32AB3E3A}"/>
            </a:ext>
          </a:extLst>
        </xdr:cNvPr>
        <xdr:cNvSpPr txBox="1"/>
      </xdr:nvSpPr>
      <xdr:spPr>
        <a:xfrm>
          <a:off x="8483111" y="7278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2</xdr:row>
      <xdr:rowOff>77716</xdr:rowOff>
    </xdr:from>
    <xdr:ext cx="534377" cy="259045"/>
    <xdr:sp macro="" textlink="">
      <xdr:nvSpPr>
        <xdr:cNvPr id="146" name="n_3mainValue【道路】&#10;一人当たり延長">
          <a:extLst>
            <a:ext uri="{FF2B5EF4-FFF2-40B4-BE49-F238E27FC236}">
              <a16:creationId xmlns:a16="http://schemas.microsoft.com/office/drawing/2014/main" id="{1FF4AC92-ACF8-4B76-A6A2-D6AA06DC0ABC}"/>
            </a:ext>
          </a:extLst>
        </xdr:cNvPr>
        <xdr:cNvSpPr txBox="1"/>
      </xdr:nvSpPr>
      <xdr:spPr>
        <a:xfrm>
          <a:off x="7594111" y="7278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2</xdr:row>
      <xdr:rowOff>77981</xdr:rowOff>
    </xdr:from>
    <xdr:ext cx="534377" cy="259045"/>
    <xdr:sp macro="" textlink="">
      <xdr:nvSpPr>
        <xdr:cNvPr id="147" name="n_4mainValue【道路】&#10;一人当たり延長">
          <a:extLst>
            <a:ext uri="{FF2B5EF4-FFF2-40B4-BE49-F238E27FC236}">
              <a16:creationId xmlns:a16="http://schemas.microsoft.com/office/drawing/2014/main" id="{5A9A9649-F16E-4997-8679-393B68DC8DF0}"/>
            </a:ext>
          </a:extLst>
        </xdr:cNvPr>
        <xdr:cNvSpPr txBox="1"/>
      </xdr:nvSpPr>
      <xdr:spPr>
        <a:xfrm>
          <a:off x="6705111" y="7278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AC51591F-3E7A-4244-925F-BB7B3E80BCB9}"/>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5550F3CD-FF41-47E3-8208-9F9DE0852C18}"/>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26C173B0-5155-4042-BEAD-87BFFB989F12}"/>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BB30018B-45A7-4301-9A01-1292D77054E5}"/>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B1422065-3999-462E-8F6C-B9FD94B44AFB}"/>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8A9E4C87-2F46-4347-883D-4995F07379C7}"/>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5890F9B6-9B41-461A-AE91-5BE0F2CF168E}"/>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A221D76B-0740-4B09-99F7-4694D8EF455D}"/>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AD30CFB5-9B4E-4B74-9110-A3C09D48BE24}"/>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8172DC43-7DC1-47B9-AAC5-C5D3E31F58EB}"/>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38766EF5-FA29-4E71-BED1-D542B0BB748B}"/>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a:extLst>
            <a:ext uri="{FF2B5EF4-FFF2-40B4-BE49-F238E27FC236}">
              <a16:creationId xmlns:a16="http://schemas.microsoft.com/office/drawing/2014/main" id="{D79BFD0C-8F90-4E0D-A36C-7FA966C2803B}"/>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a:extLst>
            <a:ext uri="{FF2B5EF4-FFF2-40B4-BE49-F238E27FC236}">
              <a16:creationId xmlns:a16="http://schemas.microsoft.com/office/drawing/2014/main" id="{62FEFD88-FB20-4018-A063-B2F3E05F4EF6}"/>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a:extLst>
            <a:ext uri="{FF2B5EF4-FFF2-40B4-BE49-F238E27FC236}">
              <a16:creationId xmlns:a16="http://schemas.microsoft.com/office/drawing/2014/main" id="{405ACAE6-166E-43B7-9A2E-FCF2FC05B618}"/>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a:extLst>
            <a:ext uri="{FF2B5EF4-FFF2-40B4-BE49-F238E27FC236}">
              <a16:creationId xmlns:a16="http://schemas.microsoft.com/office/drawing/2014/main" id="{319F1FBA-4DE1-48D3-94B9-6E490004C7B8}"/>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a:extLst>
            <a:ext uri="{FF2B5EF4-FFF2-40B4-BE49-F238E27FC236}">
              <a16:creationId xmlns:a16="http://schemas.microsoft.com/office/drawing/2014/main" id="{BE62C3C4-449B-4890-B803-105EC80B2B5C}"/>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a:extLst>
            <a:ext uri="{FF2B5EF4-FFF2-40B4-BE49-F238E27FC236}">
              <a16:creationId xmlns:a16="http://schemas.microsoft.com/office/drawing/2014/main" id="{F1A614D1-DB5F-44EB-9EB9-061AACE40ECB}"/>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a:extLst>
            <a:ext uri="{FF2B5EF4-FFF2-40B4-BE49-F238E27FC236}">
              <a16:creationId xmlns:a16="http://schemas.microsoft.com/office/drawing/2014/main" id="{35A8CA64-4516-4E63-B198-1E0D3F541D84}"/>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a:extLst>
            <a:ext uri="{FF2B5EF4-FFF2-40B4-BE49-F238E27FC236}">
              <a16:creationId xmlns:a16="http://schemas.microsoft.com/office/drawing/2014/main" id="{E437BFE3-FBA0-42F2-B329-E3D0D4B16850}"/>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a:extLst>
            <a:ext uri="{FF2B5EF4-FFF2-40B4-BE49-F238E27FC236}">
              <a16:creationId xmlns:a16="http://schemas.microsoft.com/office/drawing/2014/main" id="{2B110848-20E7-4990-81F3-49113DCF2158}"/>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a:extLst>
            <a:ext uri="{FF2B5EF4-FFF2-40B4-BE49-F238E27FC236}">
              <a16:creationId xmlns:a16="http://schemas.microsoft.com/office/drawing/2014/main" id="{78A46DED-EFD6-4925-97FB-875F72954FD6}"/>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a:extLst>
            <a:ext uri="{FF2B5EF4-FFF2-40B4-BE49-F238E27FC236}">
              <a16:creationId xmlns:a16="http://schemas.microsoft.com/office/drawing/2014/main" id="{D144FF2F-5292-4AB1-A385-152C1DD96455}"/>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a:extLst>
            <a:ext uri="{FF2B5EF4-FFF2-40B4-BE49-F238E27FC236}">
              <a16:creationId xmlns:a16="http://schemas.microsoft.com/office/drawing/2014/main" id="{806A71DB-1CFA-4621-83E1-B1FAC15D0A52}"/>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id="{58B07A45-CEAD-47AE-A1C7-3889D2343965}"/>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id="{4B9B98B3-C1DF-4936-813F-6E3959190479}"/>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1034</xdr:rowOff>
    </xdr:from>
    <xdr:to>
      <xdr:col>24</xdr:col>
      <xdr:colOff>62865</xdr:colOff>
      <xdr:row>63</xdr:row>
      <xdr:rowOff>142059</xdr:rowOff>
    </xdr:to>
    <xdr:cxnSp macro="">
      <xdr:nvCxnSpPr>
        <xdr:cNvPr id="173" name="直線コネクタ 172">
          <a:extLst>
            <a:ext uri="{FF2B5EF4-FFF2-40B4-BE49-F238E27FC236}">
              <a16:creationId xmlns:a16="http://schemas.microsoft.com/office/drawing/2014/main" id="{6AF0863E-EA84-40D4-AB03-2C3041FB7973}"/>
            </a:ext>
          </a:extLst>
        </xdr:cNvPr>
        <xdr:cNvCxnSpPr/>
      </xdr:nvCxnSpPr>
      <xdr:spPr>
        <a:xfrm flipV="1">
          <a:off x="4634865" y="9540784"/>
          <a:ext cx="0" cy="14026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45886</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id="{7C725317-A50F-47E7-9B11-2764153C9EF4}"/>
            </a:ext>
          </a:extLst>
        </xdr:cNvPr>
        <xdr:cNvSpPr txBox="1"/>
      </xdr:nvSpPr>
      <xdr:spPr>
        <a:xfrm>
          <a:off x="4673600" y="109472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42059</xdr:rowOff>
    </xdr:from>
    <xdr:to>
      <xdr:col>24</xdr:col>
      <xdr:colOff>152400</xdr:colOff>
      <xdr:row>63</xdr:row>
      <xdr:rowOff>142059</xdr:rowOff>
    </xdr:to>
    <xdr:cxnSp macro="">
      <xdr:nvCxnSpPr>
        <xdr:cNvPr id="175" name="直線コネクタ 174">
          <a:extLst>
            <a:ext uri="{FF2B5EF4-FFF2-40B4-BE49-F238E27FC236}">
              <a16:creationId xmlns:a16="http://schemas.microsoft.com/office/drawing/2014/main" id="{1A23C215-F2A1-4AE6-9000-07D33E0FCFB8}"/>
            </a:ext>
          </a:extLst>
        </xdr:cNvPr>
        <xdr:cNvCxnSpPr/>
      </xdr:nvCxnSpPr>
      <xdr:spPr>
        <a:xfrm>
          <a:off x="4546600" y="10943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7711</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id="{5B341EF8-1673-4C95-8FC0-DD747AAF64E0}"/>
            </a:ext>
          </a:extLst>
        </xdr:cNvPr>
        <xdr:cNvSpPr txBox="1"/>
      </xdr:nvSpPr>
      <xdr:spPr>
        <a:xfrm>
          <a:off x="4673600" y="93160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1034</xdr:rowOff>
    </xdr:from>
    <xdr:to>
      <xdr:col>24</xdr:col>
      <xdr:colOff>152400</xdr:colOff>
      <xdr:row>55</xdr:row>
      <xdr:rowOff>111034</xdr:rowOff>
    </xdr:to>
    <xdr:cxnSp macro="">
      <xdr:nvCxnSpPr>
        <xdr:cNvPr id="177" name="直線コネクタ 176">
          <a:extLst>
            <a:ext uri="{FF2B5EF4-FFF2-40B4-BE49-F238E27FC236}">
              <a16:creationId xmlns:a16="http://schemas.microsoft.com/office/drawing/2014/main" id="{FD6682CA-B4B1-4DEA-A0DB-F182908B9220}"/>
            </a:ext>
          </a:extLst>
        </xdr:cNvPr>
        <xdr:cNvCxnSpPr/>
      </xdr:nvCxnSpPr>
      <xdr:spPr>
        <a:xfrm>
          <a:off x="4546600" y="9540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91276</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id="{23DF4F83-4B85-4F56-8641-559235423184}"/>
            </a:ext>
          </a:extLst>
        </xdr:cNvPr>
        <xdr:cNvSpPr txBox="1"/>
      </xdr:nvSpPr>
      <xdr:spPr>
        <a:xfrm>
          <a:off x="4673600" y="103782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68399</xdr:rowOff>
    </xdr:from>
    <xdr:to>
      <xdr:col>24</xdr:col>
      <xdr:colOff>114300</xdr:colOff>
      <xdr:row>61</xdr:row>
      <xdr:rowOff>169999</xdr:rowOff>
    </xdr:to>
    <xdr:sp macro="" textlink="">
      <xdr:nvSpPr>
        <xdr:cNvPr id="179" name="フローチャート: 判断 178">
          <a:extLst>
            <a:ext uri="{FF2B5EF4-FFF2-40B4-BE49-F238E27FC236}">
              <a16:creationId xmlns:a16="http://schemas.microsoft.com/office/drawing/2014/main" id="{2EC56396-266C-4BB2-96CE-F562A55264C2}"/>
            </a:ext>
          </a:extLst>
        </xdr:cNvPr>
        <xdr:cNvSpPr/>
      </xdr:nvSpPr>
      <xdr:spPr>
        <a:xfrm>
          <a:off x="4584700" y="10526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48804</xdr:rowOff>
    </xdr:from>
    <xdr:to>
      <xdr:col>20</xdr:col>
      <xdr:colOff>38100</xdr:colOff>
      <xdr:row>61</xdr:row>
      <xdr:rowOff>150404</xdr:rowOff>
    </xdr:to>
    <xdr:sp macro="" textlink="">
      <xdr:nvSpPr>
        <xdr:cNvPr id="180" name="フローチャート: 判断 179">
          <a:extLst>
            <a:ext uri="{FF2B5EF4-FFF2-40B4-BE49-F238E27FC236}">
              <a16:creationId xmlns:a16="http://schemas.microsoft.com/office/drawing/2014/main" id="{BE31022C-AE1D-43E3-A9A9-A2B2616213F5}"/>
            </a:ext>
          </a:extLst>
        </xdr:cNvPr>
        <xdr:cNvSpPr/>
      </xdr:nvSpPr>
      <xdr:spPr>
        <a:xfrm>
          <a:off x="3746500" y="10507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39007</xdr:rowOff>
    </xdr:from>
    <xdr:to>
      <xdr:col>15</xdr:col>
      <xdr:colOff>101600</xdr:colOff>
      <xdr:row>61</xdr:row>
      <xdr:rowOff>140607</xdr:rowOff>
    </xdr:to>
    <xdr:sp macro="" textlink="">
      <xdr:nvSpPr>
        <xdr:cNvPr id="181" name="フローチャート: 判断 180">
          <a:extLst>
            <a:ext uri="{FF2B5EF4-FFF2-40B4-BE49-F238E27FC236}">
              <a16:creationId xmlns:a16="http://schemas.microsoft.com/office/drawing/2014/main" id="{95A8723E-87C2-430B-BA8B-43DEC899578D}"/>
            </a:ext>
          </a:extLst>
        </xdr:cNvPr>
        <xdr:cNvSpPr/>
      </xdr:nvSpPr>
      <xdr:spPr>
        <a:xfrm>
          <a:off x="2857500" y="1049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35741</xdr:rowOff>
    </xdr:from>
    <xdr:to>
      <xdr:col>10</xdr:col>
      <xdr:colOff>165100</xdr:colOff>
      <xdr:row>61</xdr:row>
      <xdr:rowOff>137341</xdr:rowOff>
    </xdr:to>
    <xdr:sp macro="" textlink="">
      <xdr:nvSpPr>
        <xdr:cNvPr id="182" name="フローチャート: 判断 181">
          <a:extLst>
            <a:ext uri="{FF2B5EF4-FFF2-40B4-BE49-F238E27FC236}">
              <a16:creationId xmlns:a16="http://schemas.microsoft.com/office/drawing/2014/main" id="{A4D6E69A-75D6-46E7-A9C1-52F894107303}"/>
            </a:ext>
          </a:extLst>
        </xdr:cNvPr>
        <xdr:cNvSpPr/>
      </xdr:nvSpPr>
      <xdr:spPr>
        <a:xfrm>
          <a:off x="1968500" y="10494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71269</xdr:rowOff>
    </xdr:from>
    <xdr:to>
      <xdr:col>6</xdr:col>
      <xdr:colOff>38100</xdr:colOff>
      <xdr:row>61</xdr:row>
      <xdr:rowOff>101419</xdr:rowOff>
    </xdr:to>
    <xdr:sp macro="" textlink="">
      <xdr:nvSpPr>
        <xdr:cNvPr id="183" name="フローチャート: 判断 182">
          <a:extLst>
            <a:ext uri="{FF2B5EF4-FFF2-40B4-BE49-F238E27FC236}">
              <a16:creationId xmlns:a16="http://schemas.microsoft.com/office/drawing/2014/main" id="{EBDA5408-58A3-4A2A-AC75-DB142F0499BD}"/>
            </a:ext>
          </a:extLst>
        </xdr:cNvPr>
        <xdr:cNvSpPr/>
      </xdr:nvSpPr>
      <xdr:spPr>
        <a:xfrm>
          <a:off x="1079500" y="1045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9C0F6FC7-A452-435F-B8C7-0122A237FF8E}"/>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CD109981-EFB5-4A48-8EE8-6C7083E6D95B}"/>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A05A06C5-DB97-4B8A-B927-BFD81F84AC71}"/>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86E9FA6B-A384-4BFD-B2E8-2F3E03EDF40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DB725A3F-9FD2-4EA5-9BEF-2B0675A95A53}"/>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16147</xdr:rowOff>
    </xdr:from>
    <xdr:to>
      <xdr:col>24</xdr:col>
      <xdr:colOff>114300</xdr:colOff>
      <xdr:row>62</xdr:row>
      <xdr:rowOff>117747</xdr:rowOff>
    </xdr:to>
    <xdr:sp macro="" textlink="">
      <xdr:nvSpPr>
        <xdr:cNvPr id="189" name="楕円 188">
          <a:extLst>
            <a:ext uri="{FF2B5EF4-FFF2-40B4-BE49-F238E27FC236}">
              <a16:creationId xmlns:a16="http://schemas.microsoft.com/office/drawing/2014/main" id="{4F4C3D73-3651-4DFD-B48C-3775A5839F68}"/>
            </a:ext>
          </a:extLst>
        </xdr:cNvPr>
        <xdr:cNvSpPr/>
      </xdr:nvSpPr>
      <xdr:spPr>
        <a:xfrm>
          <a:off x="4584700" y="10646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66024</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id="{F911D35A-FE50-4CE8-B9E1-1D18F8DE8E65}"/>
            </a:ext>
          </a:extLst>
        </xdr:cNvPr>
        <xdr:cNvSpPr txBox="1"/>
      </xdr:nvSpPr>
      <xdr:spPr>
        <a:xfrm>
          <a:off x="4673600" y="106244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64737</xdr:rowOff>
    </xdr:from>
    <xdr:to>
      <xdr:col>20</xdr:col>
      <xdr:colOff>38100</xdr:colOff>
      <xdr:row>62</xdr:row>
      <xdr:rowOff>94887</xdr:rowOff>
    </xdr:to>
    <xdr:sp macro="" textlink="">
      <xdr:nvSpPr>
        <xdr:cNvPr id="191" name="楕円 190">
          <a:extLst>
            <a:ext uri="{FF2B5EF4-FFF2-40B4-BE49-F238E27FC236}">
              <a16:creationId xmlns:a16="http://schemas.microsoft.com/office/drawing/2014/main" id="{5FDFA0D6-947F-41ED-94B7-45380847D0A5}"/>
            </a:ext>
          </a:extLst>
        </xdr:cNvPr>
        <xdr:cNvSpPr/>
      </xdr:nvSpPr>
      <xdr:spPr>
        <a:xfrm>
          <a:off x="3746500" y="10623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44087</xdr:rowOff>
    </xdr:from>
    <xdr:to>
      <xdr:col>24</xdr:col>
      <xdr:colOff>63500</xdr:colOff>
      <xdr:row>62</xdr:row>
      <xdr:rowOff>66947</xdr:rowOff>
    </xdr:to>
    <xdr:cxnSp macro="">
      <xdr:nvCxnSpPr>
        <xdr:cNvPr id="192" name="直線コネクタ 191">
          <a:extLst>
            <a:ext uri="{FF2B5EF4-FFF2-40B4-BE49-F238E27FC236}">
              <a16:creationId xmlns:a16="http://schemas.microsoft.com/office/drawing/2014/main" id="{93D41B54-D65E-403C-845C-A6B7F8CEE527}"/>
            </a:ext>
          </a:extLst>
        </xdr:cNvPr>
        <xdr:cNvCxnSpPr/>
      </xdr:nvCxnSpPr>
      <xdr:spPr>
        <a:xfrm>
          <a:off x="3797300" y="10673987"/>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43510</xdr:rowOff>
    </xdr:from>
    <xdr:to>
      <xdr:col>15</xdr:col>
      <xdr:colOff>101600</xdr:colOff>
      <xdr:row>62</xdr:row>
      <xdr:rowOff>73660</xdr:rowOff>
    </xdr:to>
    <xdr:sp macro="" textlink="">
      <xdr:nvSpPr>
        <xdr:cNvPr id="193" name="楕円 192">
          <a:extLst>
            <a:ext uri="{FF2B5EF4-FFF2-40B4-BE49-F238E27FC236}">
              <a16:creationId xmlns:a16="http://schemas.microsoft.com/office/drawing/2014/main" id="{1D4E7F4E-A8A3-4F6C-8197-EF196EB12878}"/>
            </a:ext>
          </a:extLst>
        </xdr:cNvPr>
        <xdr:cNvSpPr/>
      </xdr:nvSpPr>
      <xdr:spPr>
        <a:xfrm>
          <a:off x="2857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22860</xdr:rowOff>
    </xdr:from>
    <xdr:to>
      <xdr:col>19</xdr:col>
      <xdr:colOff>177800</xdr:colOff>
      <xdr:row>62</xdr:row>
      <xdr:rowOff>44087</xdr:rowOff>
    </xdr:to>
    <xdr:cxnSp macro="">
      <xdr:nvCxnSpPr>
        <xdr:cNvPr id="194" name="直線コネクタ 193">
          <a:extLst>
            <a:ext uri="{FF2B5EF4-FFF2-40B4-BE49-F238E27FC236}">
              <a16:creationId xmlns:a16="http://schemas.microsoft.com/office/drawing/2014/main" id="{85801006-A402-4BD3-85C7-7ABDB06337C8}"/>
            </a:ext>
          </a:extLst>
        </xdr:cNvPr>
        <xdr:cNvCxnSpPr/>
      </xdr:nvCxnSpPr>
      <xdr:spPr>
        <a:xfrm>
          <a:off x="2908300" y="10652760"/>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97790</xdr:rowOff>
    </xdr:from>
    <xdr:to>
      <xdr:col>10</xdr:col>
      <xdr:colOff>165100</xdr:colOff>
      <xdr:row>63</xdr:row>
      <xdr:rowOff>27940</xdr:rowOff>
    </xdr:to>
    <xdr:sp macro="" textlink="">
      <xdr:nvSpPr>
        <xdr:cNvPr id="195" name="楕円 194">
          <a:extLst>
            <a:ext uri="{FF2B5EF4-FFF2-40B4-BE49-F238E27FC236}">
              <a16:creationId xmlns:a16="http://schemas.microsoft.com/office/drawing/2014/main" id="{2F386CFC-EC46-4973-B8E9-36FDECBDD396}"/>
            </a:ext>
          </a:extLst>
        </xdr:cNvPr>
        <xdr:cNvSpPr/>
      </xdr:nvSpPr>
      <xdr:spPr>
        <a:xfrm>
          <a:off x="1968500" y="1072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22860</xdr:rowOff>
    </xdr:from>
    <xdr:to>
      <xdr:col>15</xdr:col>
      <xdr:colOff>50800</xdr:colOff>
      <xdr:row>62</xdr:row>
      <xdr:rowOff>148590</xdr:rowOff>
    </xdr:to>
    <xdr:cxnSp macro="">
      <xdr:nvCxnSpPr>
        <xdr:cNvPr id="196" name="直線コネクタ 195">
          <a:extLst>
            <a:ext uri="{FF2B5EF4-FFF2-40B4-BE49-F238E27FC236}">
              <a16:creationId xmlns:a16="http://schemas.microsoft.com/office/drawing/2014/main" id="{D09AD60A-CF4D-4E0F-9331-F8776D7E9388}"/>
            </a:ext>
          </a:extLst>
        </xdr:cNvPr>
        <xdr:cNvCxnSpPr/>
      </xdr:nvCxnSpPr>
      <xdr:spPr>
        <a:xfrm flipV="1">
          <a:off x="2019300" y="10652760"/>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2</xdr:row>
      <xdr:rowOff>27577</xdr:rowOff>
    </xdr:from>
    <xdr:to>
      <xdr:col>6</xdr:col>
      <xdr:colOff>38100</xdr:colOff>
      <xdr:row>62</xdr:row>
      <xdr:rowOff>129177</xdr:rowOff>
    </xdr:to>
    <xdr:sp macro="" textlink="">
      <xdr:nvSpPr>
        <xdr:cNvPr id="197" name="楕円 196">
          <a:extLst>
            <a:ext uri="{FF2B5EF4-FFF2-40B4-BE49-F238E27FC236}">
              <a16:creationId xmlns:a16="http://schemas.microsoft.com/office/drawing/2014/main" id="{375B355D-DB73-4A84-A014-68CB952A0F1F}"/>
            </a:ext>
          </a:extLst>
        </xdr:cNvPr>
        <xdr:cNvSpPr/>
      </xdr:nvSpPr>
      <xdr:spPr>
        <a:xfrm>
          <a:off x="1079500" y="10657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78377</xdr:rowOff>
    </xdr:from>
    <xdr:to>
      <xdr:col>10</xdr:col>
      <xdr:colOff>114300</xdr:colOff>
      <xdr:row>62</xdr:row>
      <xdr:rowOff>148590</xdr:rowOff>
    </xdr:to>
    <xdr:cxnSp macro="">
      <xdr:nvCxnSpPr>
        <xdr:cNvPr id="198" name="直線コネクタ 197">
          <a:extLst>
            <a:ext uri="{FF2B5EF4-FFF2-40B4-BE49-F238E27FC236}">
              <a16:creationId xmlns:a16="http://schemas.microsoft.com/office/drawing/2014/main" id="{C049A19F-73CB-467B-86EF-C7B31BC7D255}"/>
            </a:ext>
          </a:extLst>
        </xdr:cNvPr>
        <xdr:cNvCxnSpPr/>
      </xdr:nvCxnSpPr>
      <xdr:spPr>
        <a:xfrm>
          <a:off x="1130300" y="10708277"/>
          <a:ext cx="889000" cy="70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66931</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id="{78DB2F2C-DDEB-4B66-B7F0-3BD1BB9A8E1D}"/>
            </a:ext>
          </a:extLst>
        </xdr:cNvPr>
        <xdr:cNvSpPr txBox="1"/>
      </xdr:nvSpPr>
      <xdr:spPr>
        <a:xfrm>
          <a:off x="3582044" y="102824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57134</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id="{667ED385-848E-45C7-BAE4-BA0C3A31819E}"/>
            </a:ext>
          </a:extLst>
        </xdr:cNvPr>
        <xdr:cNvSpPr txBox="1"/>
      </xdr:nvSpPr>
      <xdr:spPr>
        <a:xfrm>
          <a:off x="2705744" y="10272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53868</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id="{BCA5D108-BB4C-4A0D-B375-400FA71AF76F}"/>
            </a:ext>
          </a:extLst>
        </xdr:cNvPr>
        <xdr:cNvSpPr txBox="1"/>
      </xdr:nvSpPr>
      <xdr:spPr>
        <a:xfrm>
          <a:off x="1816744" y="102694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17946</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id="{CD712F32-4C8F-4FD5-A4EE-F8357B5B2034}"/>
            </a:ext>
          </a:extLst>
        </xdr:cNvPr>
        <xdr:cNvSpPr txBox="1"/>
      </xdr:nvSpPr>
      <xdr:spPr>
        <a:xfrm>
          <a:off x="927744" y="10233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86014</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id="{5B745080-9190-4A6B-9209-532C266E04D3}"/>
            </a:ext>
          </a:extLst>
        </xdr:cNvPr>
        <xdr:cNvSpPr txBox="1"/>
      </xdr:nvSpPr>
      <xdr:spPr>
        <a:xfrm>
          <a:off x="3582044" y="10715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64787</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id="{61195BCC-F132-4308-8DAF-902DEA9FA2EB}"/>
            </a:ext>
          </a:extLst>
        </xdr:cNvPr>
        <xdr:cNvSpPr txBox="1"/>
      </xdr:nvSpPr>
      <xdr:spPr>
        <a:xfrm>
          <a:off x="2705744" y="1069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3</xdr:row>
      <xdr:rowOff>19067</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id="{F0B719A3-E132-44E4-9C22-84B811B1AACF}"/>
            </a:ext>
          </a:extLst>
        </xdr:cNvPr>
        <xdr:cNvSpPr txBox="1"/>
      </xdr:nvSpPr>
      <xdr:spPr>
        <a:xfrm>
          <a:off x="1816744" y="10820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120304</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id="{219C5478-BB6F-42CF-AC7A-D464C40C4650}"/>
            </a:ext>
          </a:extLst>
        </xdr:cNvPr>
        <xdr:cNvSpPr txBox="1"/>
      </xdr:nvSpPr>
      <xdr:spPr>
        <a:xfrm>
          <a:off x="927744" y="10750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415E2ED2-EEF2-47C7-8C71-F7B158DA0B6C}"/>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CCCD8FE2-355B-45CC-A2CE-7BE215FD18A6}"/>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68648E68-FB20-42B8-95E3-E1913C3FCCE4}"/>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23CAC10A-477B-47CF-944A-75B89E927BA8}"/>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E88D5F37-41CC-4870-9F7C-6FBA5C50AC56}"/>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59576784-5FFA-4183-AB3B-2D398BCD3577}"/>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C5A2DAA2-39DB-4C26-AE91-788B4FDD80E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43CE794F-394A-42ED-B389-800A6AB04911}"/>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id="{9A864405-D814-4B05-8F27-91D546F021AD}"/>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FB5944CC-80B1-4F88-8AD1-753D5D808FD2}"/>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id="{EF12390F-3C0F-495A-9A63-22916F312C8F}"/>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a:extLst>
            <a:ext uri="{FF2B5EF4-FFF2-40B4-BE49-F238E27FC236}">
              <a16:creationId xmlns:a16="http://schemas.microsoft.com/office/drawing/2014/main" id="{5A63B963-E20E-434D-BA7D-114AA0191A36}"/>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id="{FEAE36B8-E35A-4740-BA5A-717581C6D92F}"/>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220" name="テキスト ボックス 219">
          <a:extLst>
            <a:ext uri="{FF2B5EF4-FFF2-40B4-BE49-F238E27FC236}">
              <a16:creationId xmlns:a16="http://schemas.microsoft.com/office/drawing/2014/main" id="{D903B50B-EF72-4A95-BDE7-0B2CDDF73013}"/>
            </a:ext>
          </a:extLst>
        </xdr:cNvPr>
        <xdr:cNvSpPr txBox="1"/>
      </xdr:nvSpPr>
      <xdr:spPr>
        <a:xfrm>
          <a:off x="5918428" y="1052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id="{7ADC1B57-CD39-4D03-975E-F523C63E63DE}"/>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22" name="テキスト ボックス 221">
          <a:extLst>
            <a:ext uri="{FF2B5EF4-FFF2-40B4-BE49-F238E27FC236}">
              <a16:creationId xmlns:a16="http://schemas.microsoft.com/office/drawing/2014/main" id="{FEFA2023-5412-41C0-B514-ABB375D0F9E3}"/>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id="{1F9585F0-E744-4691-A5EA-B1C44321204E}"/>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4" name="テキスト ボックス 223">
          <a:extLst>
            <a:ext uri="{FF2B5EF4-FFF2-40B4-BE49-F238E27FC236}">
              <a16:creationId xmlns:a16="http://schemas.microsoft.com/office/drawing/2014/main" id="{7B4647D7-86F5-422C-A7A1-189D6909CC33}"/>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id="{C13EFE22-4994-45D3-A653-63AC75AEAF95}"/>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a:extLst>
            <a:ext uri="{FF2B5EF4-FFF2-40B4-BE49-F238E27FC236}">
              <a16:creationId xmlns:a16="http://schemas.microsoft.com/office/drawing/2014/main" id="{27DB81F5-0778-4FBA-9DFA-2A612BCEBD71}"/>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id="{8F193BB3-35A4-4184-9D0B-683356DB2526}"/>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a16="http://schemas.microsoft.com/office/drawing/2014/main" id="{E7C65F96-A33C-4CA5-AE51-BF00148CE686}"/>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id="{1D699936-45D7-46F2-916D-287F72D4C72A}"/>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0213</xdr:rowOff>
    </xdr:from>
    <xdr:to>
      <xdr:col>54</xdr:col>
      <xdr:colOff>189865</xdr:colOff>
      <xdr:row>64</xdr:row>
      <xdr:rowOff>75333</xdr:rowOff>
    </xdr:to>
    <xdr:cxnSp macro="">
      <xdr:nvCxnSpPr>
        <xdr:cNvPr id="230" name="直線コネクタ 229">
          <a:extLst>
            <a:ext uri="{FF2B5EF4-FFF2-40B4-BE49-F238E27FC236}">
              <a16:creationId xmlns:a16="http://schemas.microsoft.com/office/drawing/2014/main" id="{E95897EE-4F73-4553-A19B-DE118AB1F367}"/>
            </a:ext>
          </a:extLst>
        </xdr:cNvPr>
        <xdr:cNvCxnSpPr/>
      </xdr:nvCxnSpPr>
      <xdr:spPr>
        <a:xfrm flipV="1">
          <a:off x="10476865" y="9559963"/>
          <a:ext cx="0" cy="1488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160</xdr:rowOff>
    </xdr:from>
    <xdr:ext cx="469744" cy="259045"/>
    <xdr:sp macro="" textlink="">
      <xdr:nvSpPr>
        <xdr:cNvPr id="231" name="【橋りょう・トンネル】&#10;一人当たり有形固定資産（償却資産）額最小値テキスト">
          <a:extLst>
            <a:ext uri="{FF2B5EF4-FFF2-40B4-BE49-F238E27FC236}">
              <a16:creationId xmlns:a16="http://schemas.microsoft.com/office/drawing/2014/main" id="{E14685A1-377F-46D7-9382-B775B3F3F28A}"/>
            </a:ext>
          </a:extLst>
        </xdr:cNvPr>
        <xdr:cNvSpPr txBox="1"/>
      </xdr:nvSpPr>
      <xdr:spPr>
        <a:xfrm>
          <a:off x="10515600" y="11051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333</xdr:rowOff>
    </xdr:from>
    <xdr:to>
      <xdr:col>55</xdr:col>
      <xdr:colOff>88900</xdr:colOff>
      <xdr:row>64</xdr:row>
      <xdr:rowOff>75333</xdr:rowOff>
    </xdr:to>
    <xdr:cxnSp macro="">
      <xdr:nvCxnSpPr>
        <xdr:cNvPr id="232" name="直線コネクタ 231">
          <a:extLst>
            <a:ext uri="{FF2B5EF4-FFF2-40B4-BE49-F238E27FC236}">
              <a16:creationId xmlns:a16="http://schemas.microsoft.com/office/drawing/2014/main" id="{CB45CE11-EE41-4DE2-A9EA-4A2DF89E76E0}"/>
            </a:ext>
          </a:extLst>
        </xdr:cNvPr>
        <xdr:cNvCxnSpPr/>
      </xdr:nvCxnSpPr>
      <xdr:spPr>
        <a:xfrm>
          <a:off x="10388600" y="11048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76890</xdr:rowOff>
    </xdr:from>
    <xdr:ext cx="690189" cy="259045"/>
    <xdr:sp macro="" textlink="">
      <xdr:nvSpPr>
        <xdr:cNvPr id="233" name="【橋りょう・トンネル】&#10;一人当たり有形固定資産（償却資産）額最大値テキスト">
          <a:extLst>
            <a:ext uri="{FF2B5EF4-FFF2-40B4-BE49-F238E27FC236}">
              <a16:creationId xmlns:a16="http://schemas.microsoft.com/office/drawing/2014/main" id="{AE213506-47E1-45EB-856D-368E7AD1179D}"/>
            </a:ext>
          </a:extLst>
        </xdr:cNvPr>
        <xdr:cNvSpPr txBox="1"/>
      </xdr:nvSpPr>
      <xdr:spPr>
        <a:xfrm>
          <a:off x="10515600" y="933519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8,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0213</xdr:rowOff>
    </xdr:from>
    <xdr:to>
      <xdr:col>55</xdr:col>
      <xdr:colOff>88900</xdr:colOff>
      <xdr:row>55</xdr:row>
      <xdr:rowOff>130213</xdr:rowOff>
    </xdr:to>
    <xdr:cxnSp macro="">
      <xdr:nvCxnSpPr>
        <xdr:cNvPr id="234" name="直線コネクタ 233">
          <a:extLst>
            <a:ext uri="{FF2B5EF4-FFF2-40B4-BE49-F238E27FC236}">
              <a16:creationId xmlns:a16="http://schemas.microsoft.com/office/drawing/2014/main" id="{85BFA909-08A5-4FF7-A7FE-3A6CE999FF82}"/>
            </a:ext>
          </a:extLst>
        </xdr:cNvPr>
        <xdr:cNvCxnSpPr/>
      </xdr:nvCxnSpPr>
      <xdr:spPr>
        <a:xfrm>
          <a:off x="10388600" y="9559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5806</xdr:rowOff>
    </xdr:from>
    <xdr:ext cx="599010" cy="259045"/>
    <xdr:sp macro="" textlink="">
      <xdr:nvSpPr>
        <xdr:cNvPr id="235" name="【橋りょう・トンネル】&#10;一人当たり有形固定資産（償却資産）額平均値テキスト">
          <a:extLst>
            <a:ext uri="{FF2B5EF4-FFF2-40B4-BE49-F238E27FC236}">
              <a16:creationId xmlns:a16="http://schemas.microsoft.com/office/drawing/2014/main" id="{FFB6B8F8-4077-4789-9A48-E9EDE9851AB1}"/>
            </a:ext>
          </a:extLst>
        </xdr:cNvPr>
        <xdr:cNvSpPr txBox="1"/>
      </xdr:nvSpPr>
      <xdr:spPr>
        <a:xfrm>
          <a:off x="10515600" y="106557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8,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2929</xdr:rowOff>
    </xdr:from>
    <xdr:to>
      <xdr:col>55</xdr:col>
      <xdr:colOff>50800</xdr:colOff>
      <xdr:row>63</xdr:row>
      <xdr:rowOff>104529</xdr:rowOff>
    </xdr:to>
    <xdr:sp macro="" textlink="">
      <xdr:nvSpPr>
        <xdr:cNvPr id="236" name="フローチャート: 判断 235">
          <a:extLst>
            <a:ext uri="{FF2B5EF4-FFF2-40B4-BE49-F238E27FC236}">
              <a16:creationId xmlns:a16="http://schemas.microsoft.com/office/drawing/2014/main" id="{3FBBAEB2-29BD-4E8D-B40F-DFEB6139FA30}"/>
            </a:ext>
          </a:extLst>
        </xdr:cNvPr>
        <xdr:cNvSpPr/>
      </xdr:nvSpPr>
      <xdr:spPr>
        <a:xfrm>
          <a:off x="10426700" y="10804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7404</xdr:rowOff>
    </xdr:from>
    <xdr:to>
      <xdr:col>50</xdr:col>
      <xdr:colOff>165100</xdr:colOff>
      <xdr:row>63</xdr:row>
      <xdr:rowOff>109004</xdr:rowOff>
    </xdr:to>
    <xdr:sp macro="" textlink="">
      <xdr:nvSpPr>
        <xdr:cNvPr id="237" name="フローチャート: 判断 236">
          <a:extLst>
            <a:ext uri="{FF2B5EF4-FFF2-40B4-BE49-F238E27FC236}">
              <a16:creationId xmlns:a16="http://schemas.microsoft.com/office/drawing/2014/main" id="{6CC5C1FB-2E05-424B-B94C-FC3A32E3554F}"/>
            </a:ext>
          </a:extLst>
        </xdr:cNvPr>
        <xdr:cNvSpPr/>
      </xdr:nvSpPr>
      <xdr:spPr>
        <a:xfrm>
          <a:off x="9588500" y="10808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31252</xdr:rowOff>
    </xdr:from>
    <xdr:to>
      <xdr:col>46</xdr:col>
      <xdr:colOff>38100</xdr:colOff>
      <xdr:row>63</xdr:row>
      <xdr:rowOff>132852</xdr:rowOff>
    </xdr:to>
    <xdr:sp macro="" textlink="">
      <xdr:nvSpPr>
        <xdr:cNvPr id="238" name="フローチャート: 判断 237">
          <a:extLst>
            <a:ext uri="{FF2B5EF4-FFF2-40B4-BE49-F238E27FC236}">
              <a16:creationId xmlns:a16="http://schemas.microsoft.com/office/drawing/2014/main" id="{877703E3-6174-45D7-B8E4-50E8B29FC0D9}"/>
            </a:ext>
          </a:extLst>
        </xdr:cNvPr>
        <xdr:cNvSpPr/>
      </xdr:nvSpPr>
      <xdr:spPr>
        <a:xfrm>
          <a:off x="8699500" y="10832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20751</xdr:rowOff>
    </xdr:from>
    <xdr:to>
      <xdr:col>41</xdr:col>
      <xdr:colOff>101600</xdr:colOff>
      <xdr:row>63</xdr:row>
      <xdr:rowOff>122351</xdr:rowOff>
    </xdr:to>
    <xdr:sp macro="" textlink="">
      <xdr:nvSpPr>
        <xdr:cNvPr id="239" name="フローチャート: 判断 238">
          <a:extLst>
            <a:ext uri="{FF2B5EF4-FFF2-40B4-BE49-F238E27FC236}">
              <a16:creationId xmlns:a16="http://schemas.microsoft.com/office/drawing/2014/main" id="{1BD01260-0B22-458B-9D52-073C0AFCBA14}"/>
            </a:ext>
          </a:extLst>
        </xdr:cNvPr>
        <xdr:cNvSpPr/>
      </xdr:nvSpPr>
      <xdr:spPr>
        <a:xfrm>
          <a:off x="7810500" y="10822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3337</xdr:rowOff>
    </xdr:from>
    <xdr:to>
      <xdr:col>36</xdr:col>
      <xdr:colOff>165100</xdr:colOff>
      <xdr:row>63</xdr:row>
      <xdr:rowOff>104937</xdr:rowOff>
    </xdr:to>
    <xdr:sp macro="" textlink="">
      <xdr:nvSpPr>
        <xdr:cNvPr id="240" name="フローチャート: 判断 239">
          <a:extLst>
            <a:ext uri="{FF2B5EF4-FFF2-40B4-BE49-F238E27FC236}">
              <a16:creationId xmlns:a16="http://schemas.microsoft.com/office/drawing/2014/main" id="{48B0F060-2CE2-4042-A9C7-C9F67916D2E7}"/>
            </a:ext>
          </a:extLst>
        </xdr:cNvPr>
        <xdr:cNvSpPr/>
      </xdr:nvSpPr>
      <xdr:spPr>
        <a:xfrm>
          <a:off x="6921500" y="1080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243737EF-DB6D-4774-A56F-6D1887A4DD4A}"/>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090E4F12-4A79-4812-BC3F-AC452AC73CCF}"/>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AE08BD42-A847-426A-BB2D-F29807489CBB}"/>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98581E3E-2F8B-4688-824E-B2AF8BBD399F}"/>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BB0DD412-6CE5-4B99-B9BA-6C30261FC7B3}"/>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0538</xdr:rowOff>
    </xdr:from>
    <xdr:to>
      <xdr:col>55</xdr:col>
      <xdr:colOff>50800</xdr:colOff>
      <xdr:row>64</xdr:row>
      <xdr:rowOff>112138</xdr:rowOff>
    </xdr:to>
    <xdr:sp macro="" textlink="">
      <xdr:nvSpPr>
        <xdr:cNvPr id="246" name="楕円 245">
          <a:extLst>
            <a:ext uri="{FF2B5EF4-FFF2-40B4-BE49-F238E27FC236}">
              <a16:creationId xmlns:a16="http://schemas.microsoft.com/office/drawing/2014/main" id="{6F8BCEC5-4107-4724-8B28-36B359031886}"/>
            </a:ext>
          </a:extLst>
        </xdr:cNvPr>
        <xdr:cNvSpPr/>
      </xdr:nvSpPr>
      <xdr:spPr>
        <a:xfrm>
          <a:off x="10426700" y="10983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6915</xdr:rowOff>
    </xdr:from>
    <xdr:ext cx="534377" cy="259045"/>
    <xdr:sp macro="" textlink="">
      <xdr:nvSpPr>
        <xdr:cNvPr id="247" name="【橋りょう・トンネル】&#10;一人当たり有形固定資産（償却資産）額該当値テキスト">
          <a:extLst>
            <a:ext uri="{FF2B5EF4-FFF2-40B4-BE49-F238E27FC236}">
              <a16:creationId xmlns:a16="http://schemas.microsoft.com/office/drawing/2014/main" id="{6ECC4DA6-E0EB-46D7-B87F-9DA5BF972EBA}"/>
            </a:ext>
          </a:extLst>
        </xdr:cNvPr>
        <xdr:cNvSpPr txBox="1"/>
      </xdr:nvSpPr>
      <xdr:spPr>
        <a:xfrm>
          <a:off x="10515600" y="10898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0812</xdr:rowOff>
    </xdr:from>
    <xdr:to>
      <xdr:col>50</xdr:col>
      <xdr:colOff>165100</xdr:colOff>
      <xdr:row>64</xdr:row>
      <xdr:rowOff>112412</xdr:rowOff>
    </xdr:to>
    <xdr:sp macro="" textlink="">
      <xdr:nvSpPr>
        <xdr:cNvPr id="248" name="楕円 247">
          <a:extLst>
            <a:ext uri="{FF2B5EF4-FFF2-40B4-BE49-F238E27FC236}">
              <a16:creationId xmlns:a16="http://schemas.microsoft.com/office/drawing/2014/main" id="{8FF6DC76-DA0C-4E35-A36C-062AE2D84845}"/>
            </a:ext>
          </a:extLst>
        </xdr:cNvPr>
        <xdr:cNvSpPr/>
      </xdr:nvSpPr>
      <xdr:spPr>
        <a:xfrm>
          <a:off x="9588500" y="10983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61338</xdr:rowOff>
    </xdr:from>
    <xdr:to>
      <xdr:col>55</xdr:col>
      <xdr:colOff>0</xdr:colOff>
      <xdr:row>64</xdr:row>
      <xdr:rowOff>61612</xdr:rowOff>
    </xdr:to>
    <xdr:cxnSp macro="">
      <xdr:nvCxnSpPr>
        <xdr:cNvPr id="249" name="直線コネクタ 248">
          <a:extLst>
            <a:ext uri="{FF2B5EF4-FFF2-40B4-BE49-F238E27FC236}">
              <a16:creationId xmlns:a16="http://schemas.microsoft.com/office/drawing/2014/main" id="{05844DC0-E480-487C-920E-C596F2D9A646}"/>
            </a:ext>
          </a:extLst>
        </xdr:cNvPr>
        <xdr:cNvCxnSpPr/>
      </xdr:nvCxnSpPr>
      <xdr:spPr>
        <a:xfrm flipV="1">
          <a:off x="9639300" y="11034138"/>
          <a:ext cx="838200" cy="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10992</xdr:rowOff>
    </xdr:from>
    <xdr:to>
      <xdr:col>46</xdr:col>
      <xdr:colOff>38100</xdr:colOff>
      <xdr:row>64</xdr:row>
      <xdr:rowOff>112592</xdr:rowOff>
    </xdr:to>
    <xdr:sp macro="" textlink="">
      <xdr:nvSpPr>
        <xdr:cNvPr id="250" name="楕円 249">
          <a:extLst>
            <a:ext uri="{FF2B5EF4-FFF2-40B4-BE49-F238E27FC236}">
              <a16:creationId xmlns:a16="http://schemas.microsoft.com/office/drawing/2014/main" id="{009D4EB6-EF93-4EAF-808C-B3CD5A0E529D}"/>
            </a:ext>
          </a:extLst>
        </xdr:cNvPr>
        <xdr:cNvSpPr/>
      </xdr:nvSpPr>
      <xdr:spPr>
        <a:xfrm>
          <a:off x="8699500" y="10983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1612</xdr:rowOff>
    </xdr:from>
    <xdr:to>
      <xdr:col>50</xdr:col>
      <xdr:colOff>114300</xdr:colOff>
      <xdr:row>64</xdr:row>
      <xdr:rowOff>61792</xdr:rowOff>
    </xdr:to>
    <xdr:cxnSp macro="">
      <xdr:nvCxnSpPr>
        <xdr:cNvPr id="251" name="直線コネクタ 250">
          <a:extLst>
            <a:ext uri="{FF2B5EF4-FFF2-40B4-BE49-F238E27FC236}">
              <a16:creationId xmlns:a16="http://schemas.microsoft.com/office/drawing/2014/main" id="{0A7C69D0-856E-44E6-877C-503285B60A04}"/>
            </a:ext>
          </a:extLst>
        </xdr:cNvPr>
        <xdr:cNvCxnSpPr/>
      </xdr:nvCxnSpPr>
      <xdr:spPr>
        <a:xfrm flipV="1">
          <a:off x="8750300" y="11034412"/>
          <a:ext cx="889000" cy="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2926</xdr:rowOff>
    </xdr:from>
    <xdr:to>
      <xdr:col>41</xdr:col>
      <xdr:colOff>101600</xdr:colOff>
      <xdr:row>64</xdr:row>
      <xdr:rowOff>114526</xdr:rowOff>
    </xdr:to>
    <xdr:sp macro="" textlink="">
      <xdr:nvSpPr>
        <xdr:cNvPr id="252" name="楕円 251">
          <a:extLst>
            <a:ext uri="{FF2B5EF4-FFF2-40B4-BE49-F238E27FC236}">
              <a16:creationId xmlns:a16="http://schemas.microsoft.com/office/drawing/2014/main" id="{D3E5ADBF-99F6-4CDE-AD6D-C74BF6AB4857}"/>
            </a:ext>
          </a:extLst>
        </xdr:cNvPr>
        <xdr:cNvSpPr/>
      </xdr:nvSpPr>
      <xdr:spPr>
        <a:xfrm>
          <a:off x="7810500" y="10985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1792</xdr:rowOff>
    </xdr:from>
    <xdr:to>
      <xdr:col>45</xdr:col>
      <xdr:colOff>177800</xdr:colOff>
      <xdr:row>64</xdr:row>
      <xdr:rowOff>63726</xdr:rowOff>
    </xdr:to>
    <xdr:cxnSp macro="">
      <xdr:nvCxnSpPr>
        <xdr:cNvPr id="253" name="直線コネクタ 252">
          <a:extLst>
            <a:ext uri="{FF2B5EF4-FFF2-40B4-BE49-F238E27FC236}">
              <a16:creationId xmlns:a16="http://schemas.microsoft.com/office/drawing/2014/main" id="{EB23CCDA-6AFB-4712-8620-6254F92444FF}"/>
            </a:ext>
          </a:extLst>
        </xdr:cNvPr>
        <xdr:cNvCxnSpPr/>
      </xdr:nvCxnSpPr>
      <xdr:spPr>
        <a:xfrm flipV="1">
          <a:off x="7861300" y="11034592"/>
          <a:ext cx="889000" cy="1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12469</xdr:rowOff>
    </xdr:from>
    <xdr:to>
      <xdr:col>36</xdr:col>
      <xdr:colOff>165100</xdr:colOff>
      <xdr:row>64</xdr:row>
      <xdr:rowOff>114069</xdr:rowOff>
    </xdr:to>
    <xdr:sp macro="" textlink="">
      <xdr:nvSpPr>
        <xdr:cNvPr id="254" name="楕円 253">
          <a:extLst>
            <a:ext uri="{FF2B5EF4-FFF2-40B4-BE49-F238E27FC236}">
              <a16:creationId xmlns:a16="http://schemas.microsoft.com/office/drawing/2014/main" id="{11EBB273-59FB-4BEE-B55B-9DEE6E240806}"/>
            </a:ext>
          </a:extLst>
        </xdr:cNvPr>
        <xdr:cNvSpPr/>
      </xdr:nvSpPr>
      <xdr:spPr>
        <a:xfrm>
          <a:off x="6921500" y="10985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63269</xdr:rowOff>
    </xdr:from>
    <xdr:to>
      <xdr:col>41</xdr:col>
      <xdr:colOff>50800</xdr:colOff>
      <xdr:row>64</xdr:row>
      <xdr:rowOff>63726</xdr:rowOff>
    </xdr:to>
    <xdr:cxnSp macro="">
      <xdr:nvCxnSpPr>
        <xdr:cNvPr id="255" name="直線コネクタ 254">
          <a:extLst>
            <a:ext uri="{FF2B5EF4-FFF2-40B4-BE49-F238E27FC236}">
              <a16:creationId xmlns:a16="http://schemas.microsoft.com/office/drawing/2014/main" id="{56CB8D3E-5BB5-40BA-9C48-98069D0B67CB}"/>
            </a:ext>
          </a:extLst>
        </xdr:cNvPr>
        <xdr:cNvCxnSpPr/>
      </xdr:nvCxnSpPr>
      <xdr:spPr>
        <a:xfrm>
          <a:off x="6972300" y="11036069"/>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25531</xdr:rowOff>
    </xdr:from>
    <xdr:ext cx="599010" cy="259045"/>
    <xdr:sp macro="" textlink="">
      <xdr:nvSpPr>
        <xdr:cNvPr id="256" name="n_1aveValue【橋りょう・トンネル】&#10;一人当たり有形固定資産（償却資産）額">
          <a:extLst>
            <a:ext uri="{FF2B5EF4-FFF2-40B4-BE49-F238E27FC236}">
              <a16:creationId xmlns:a16="http://schemas.microsoft.com/office/drawing/2014/main" id="{0FCCE247-C862-4EED-8446-90A1A800DCC6}"/>
            </a:ext>
          </a:extLst>
        </xdr:cNvPr>
        <xdr:cNvSpPr txBox="1"/>
      </xdr:nvSpPr>
      <xdr:spPr>
        <a:xfrm>
          <a:off x="9327095" y="105839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49379</xdr:rowOff>
    </xdr:from>
    <xdr:ext cx="599010" cy="259045"/>
    <xdr:sp macro="" textlink="">
      <xdr:nvSpPr>
        <xdr:cNvPr id="257" name="n_2aveValue【橋りょう・トンネル】&#10;一人当たり有形固定資産（償却資産）額">
          <a:extLst>
            <a:ext uri="{FF2B5EF4-FFF2-40B4-BE49-F238E27FC236}">
              <a16:creationId xmlns:a16="http://schemas.microsoft.com/office/drawing/2014/main" id="{DCF2830B-8EEF-4178-B59F-65F046526167}"/>
            </a:ext>
          </a:extLst>
        </xdr:cNvPr>
        <xdr:cNvSpPr txBox="1"/>
      </xdr:nvSpPr>
      <xdr:spPr>
        <a:xfrm>
          <a:off x="8450795" y="106078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38878</xdr:rowOff>
    </xdr:from>
    <xdr:ext cx="599010" cy="259045"/>
    <xdr:sp macro="" textlink="">
      <xdr:nvSpPr>
        <xdr:cNvPr id="258" name="n_3aveValue【橋りょう・トンネル】&#10;一人当たり有形固定資産（償却資産）額">
          <a:extLst>
            <a:ext uri="{FF2B5EF4-FFF2-40B4-BE49-F238E27FC236}">
              <a16:creationId xmlns:a16="http://schemas.microsoft.com/office/drawing/2014/main" id="{ACDDC47A-3030-4065-AF07-63E1064389BB}"/>
            </a:ext>
          </a:extLst>
        </xdr:cNvPr>
        <xdr:cNvSpPr txBox="1"/>
      </xdr:nvSpPr>
      <xdr:spPr>
        <a:xfrm>
          <a:off x="7561795" y="105973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21464</xdr:rowOff>
    </xdr:from>
    <xdr:ext cx="599010" cy="259045"/>
    <xdr:sp macro="" textlink="">
      <xdr:nvSpPr>
        <xdr:cNvPr id="259" name="n_4aveValue【橋りょう・トンネル】&#10;一人当たり有形固定資産（償却資産）額">
          <a:extLst>
            <a:ext uri="{FF2B5EF4-FFF2-40B4-BE49-F238E27FC236}">
              <a16:creationId xmlns:a16="http://schemas.microsoft.com/office/drawing/2014/main" id="{7451D8D4-91FB-492A-8159-E473F36E9772}"/>
            </a:ext>
          </a:extLst>
        </xdr:cNvPr>
        <xdr:cNvSpPr txBox="1"/>
      </xdr:nvSpPr>
      <xdr:spPr>
        <a:xfrm>
          <a:off x="6672795" y="105799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03539</xdr:rowOff>
    </xdr:from>
    <xdr:ext cx="534377" cy="259045"/>
    <xdr:sp macro="" textlink="">
      <xdr:nvSpPr>
        <xdr:cNvPr id="260" name="n_1mainValue【橋りょう・トンネル】&#10;一人当たり有形固定資産（償却資産）額">
          <a:extLst>
            <a:ext uri="{FF2B5EF4-FFF2-40B4-BE49-F238E27FC236}">
              <a16:creationId xmlns:a16="http://schemas.microsoft.com/office/drawing/2014/main" id="{53E4737D-6476-4335-AF87-32F20CFC975B}"/>
            </a:ext>
          </a:extLst>
        </xdr:cNvPr>
        <xdr:cNvSpPr txBox="1"/>
      </xdr:nvSpPr>
      <xdr:spPr>
        <a:xfrm>
          <a:off x="9359411" y="11076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03719</xdr:rowOff>
    </xdr:from>
    <xdr:ext cx="534377" cy="259045"/>
    <xdr:sp macro="" textlink="">
      <xdr:nvSpPr>
        <xdr:cNvPr id="261" name="n_2mainValue【橋りょう・トンネル】&#10;一人当たり有形固定資産（償却資産）額">
          <a:extLst>
            <a:ext uri="{FF2B5EF4-FFF2-40B4-BE49-F238E27FC236}">
              <a16:creationId xmlns:a16="http://schemas.microsoft.com/office/drawing/2014/main" id="{E6A739FB-8015-43D9-9E03-21F560032A24}"/>
            </a:ext>
          </a:extLst>
        </xdr:cNvPr>
        <xdr:cNvSpPr txBox="1"/>
      </xdr:nvSpPr>
      <xdr:spPr>
        <a:xfrm>
          <a:off x="8483111" y="11076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05653</xdr:rowOff>
    </xdr:from>
    <xdr:ext cx="534377" cy="259045"/>
    <xdr:sp macro="" textlink="">
      <xdr:nvSpPr>
        <xdr:cNvPr id="262" name="n_3mainValue【橋りょう・トンネル】&#10;一人当たり有形固定資産（償却資産）額">
          <a:extLst>
            <a:ext uri="{FF2B5EF4-FFF2-40B4-BE49-F238E27FC236}">
              <a16:creationId xmlns:a16="http://schemas.microsoft.com/office/drawing/2014/main" id="{98C04692-0C64-4386-A996-BD8648D98BDC}"/>
            </a:ext>
          </a:extLst>
        </xdr:cNvPr>
        <xdr:cNvSpPr txBox="1"/>
      </xdr:nvSpPr>
      <xdr:spPr>
        <a:xfrm>
          <a:off x="7594111" y="11078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105196</xdr:rowOff>
    </xdr:from>
    <xdr:ext cx="534377" cy="259045"/>
    <xdr:sp macro="" textlink="">
      <xdr:nvSpPr>
        <xdr:cNvPr id="263" name="n_4mainValue【橋りょう・トンネル】&#10;一人当たり有形固定資産（償却資産）額">
          <a:extLst>
            <a:ext uri="{FF2B5EF4-FFF2-40B4-BE49-F238E27FC236}">
              <a16:creationId xmlns:a16="http://schemas.microsoft.com/office/drawing/2014/main" id="{B2280250-0456-44F1-8003-A690876F8679}"/>
            </a:ext>
          </a:extLst>
        </xdr:cNvPr>
        <xdr:cNvSpPr txBox="1"/>
      </xdr:nvSpPr>
      <xdr:spPr>
        <a:xfrm>
          <a:off x="6705111" y="11077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id="{10A06047-B8E2-457F-8545-CD9F42045D98}"/>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id="{23AB14C0-168A-46E2-9D42-08685F4A4026}"/>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id="{9FC549CB-4B3C-401A-B122-7CE1CB1F789A}"/>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id="{8D7ED274-BE0C-442B-8CC0-77C19591914B}"/>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id="{A266566D-2511-40A1-9C86-FDACB56163D6}"/>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id="{7806F81B-BADB-4118-8D90-72916E4C3116}"/>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id="{927BEE41-0885-4F73-985A-6B695D607293}"/>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id="{775495C2-6029-4ABE-ACD7-1989B45F46C2}"/>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a:extLst>
            <a:ext uri="{FF2B5EF4-FFF2-40B4-BE49-F238E27FC236}">
              <a16:creationId xmlns:a16="http://schemas.microsoft.com/office/drawing/2014/main" id="{44FCF14C-3ADF-49B5-9EB7-844085506809}"/>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a16="http://schemas.microsoft.com/office/drawing/2014/main" id="{9DC0E227-BE22-4C6F-A5A4-A18EB095EDA3}"/>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a:extLst>
            <a:ext uri="{FF2B5EF4-FFF2-40B4-BE49-F238E27FC236}">
              <a16:creationId xmlns:a16="http://schemas.microsoft.com/office/drawing/2014/main" id="{EF551A11-5239-4AAE-95AC-E13AB5AC5642}"/>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5" name="直線コネクタ 274">
          <a:extLst>
            <a:ext uri="{FF2B5EF4-FFF2-40B4-BE49-F238E27FC236}">
              <a16:creationId xmlns:a16="http://schemas.microsoft.com/office/drawing/2014/main" id="{CDF6B048-E1F9-4DF4-8C52-3085FF09C1F9}"/>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6" name="テキスト ボックス 275">
          <a:extLst>
            <a:ext uri="{FF2B5EF4-FFF2-40B4-BE49-F238E27FC236}">
              <a16:creationId xmlns:a16="http://schemas.microsoft.com/office/drawing/2014/main" id="{70E85CF5-98CB-46E7-B2F2-52A3EE4164C5}"/>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7" name="直線コネクタ 276">
          <a:extLst>
            <a:ext uri="{FF2B5EF4-FFF2-40B4-BE49-F238E27FC236}">
              <a16:creationId xmlns:a16="http://schemas.microsoft.com/office/drawing/2014/main" id="{FEE58F22-9B3B-4BF4-BB95-158D547057D3}"/>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8" name="テキスト ボックス 277">
          <a:extLst>
            <a:ext uri="{FF2B5EF4-FFF2-40B4-BE49-F238E27FC236}">
              <a16:creationId xmlns:a16="http://schemas.microsoft.com/office/drawing/2014/main" id="{8B3242F6-B1A5-42FA-BA29-CF095CA24166}"/>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9" name="直線コネクタ 278">
          <a:extLst>
            <a:ext uri="{FF2B5EF4-FFF2-40B4-BE49-F238E27FC236}">
              <a16:creationId xmlns:a16="http://schemas.microsoft.com/office/drawing/2014/main" id="{1F1CA856-57BA-4CCC-BD1F-82A96EA4EDBD}"/>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0" name="テキスト ボックス 279">
          <a:extLst>
            <a:ext uri="{FF2B5EF4-FFF2-40B4-BE49-F238E27FC236}">
              <a16:creationId xmlns:a16="http://schemas.microsoft.com/office/drawing/2014/main" id="{E23E824D-33A2-468C-8C60-58ABD66196C2}"/>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1" name="直線コネクタ 280">
          <a:extLst>
            <a:ext uri="{FF2B5EF4-FFF2-40B4-BE49-F238E27FC236}">
              <a16:creationId xmlns:a16="http://schemas.microsoft.com/office/drawing/2014/main" id="{C85FA354-5D19-420A-9EBD-C4EBF0E41BBE}"/>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2" name="テキスト ボックス 281">
          <a:extLst>
            <a:ext uri="{FF2B5EF4-FFF2-40B4-BE49-F238E27FC236}">
              <a16:creationId xmlns:a16="http://schemas.microsoft.com/office/drawing/2014/main" id="{F2549757-2678-4466-9FA8-6C4D48B6A82E}"/>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3" name="直線コネクタ 282">
          <a:extLst>
            <a:ext uri="{FF2B5EF4-FFF2-40B4-BE49-F238E27FC236}">
              <a16:creationId xmlns:a16="http://schemas.microsoft.com/office/drawing/2014/main" id="{0B9627F1-6EB1-4DB3-B585-57026F540117}"/>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4" name="テキスト ボックス 283">
          <a:extLst>
            <a:ext uri="{FF2B5EF4-FFF2-40B4-BE49-F238E27FC236}">
              <a16:creationId xmlns:a16="http://schemas.microsoft.com/office/drawing/2014/main" id="{9B5C9D26-73F4-4129-9988-4DC362B49722}"/>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5" name="直線コネクタ 284">
          <a:extLst>
            <a:ext uri="{FF2B5EF4-FFF2-40B4-BE49-F238E27FC236}">
              <a16:creationId xmlns:a16="http://schemas.microsoft.com/office/drawing/2014/main" id="{8C056154-BB0F-4080-8EEF-CE198A8BEC46}"/>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6" name="テキスト ボックス 285">
          <a:extLst>
            <a:ext uri="{FF2B5EF4-FFF2-40B4-BE49-F238E27FC236}">
              <a16:creationId xmlns:a16="http://schemas.microsoft.com/office/drawing/2014/main" id="{2CA57800-33A9-4666-9C7E-F9BAF5E3C0E6}"/>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a:extLst>
            <a:ext uri="{FF2B5EF4-FFF2-40B4-BE49-F238E27FC236}">
              <a16:creationId xmlns:a16="http://schemas.microsoft.com/office/drawing/2014/main" id="{2308107A-FECE-4C0C-8E24-50DC4596A8B3}"/>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a:extLst>
            <a:ext uri="{FF2B5EF4-FFF2-40B4-BE49-F238E27FC236}">
              <a16:creationId xmlns:a16="http://schemas.microsoft.com/office/drawing/2014/main" id="{8EC71347-5C5D-485F-B5A9-0DC1F6CF7A39}"/>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11579</xdr:rowOff>
    </xdr:from>
    <xdr:to>
      <xdr:col>24</xdr:col>
      <xdr:colOff>62865</xdr:colOff>
      <xdr:row>86</xdr:row>
      <xdr:rowOff>168729</xdr:rowOff>
    </xdr:to>
    <xdr:cxnSp macro="">
      <xdr:nvCxnSpPr>
        <xdr:cNvPr id="289" name="直線コネクタ 288">
          <a:extLst>
            <a:ext uri="{FF2B5EF4-FFF2-40B4-BE49-F238E27FC236}">
              <a16:creationId xmlns:a16="http://schemas.microsoft.com/office/drawing/2014/main" id="{24D306A5-276B-404F-A190-CF300B6B9C78}"/>
            </a:ext>
          </a:extLst>
        </xdr:cNvPr>
        <xdr:cNvCxnSpPr/>
      </xdr:nvCxnSpPr>
      <xdr:spPr>
        <a:xfrm flipV="1">
          <a:off x="4634865" y="13484679"/>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0" name="【公営住宅】&#10;有形固定資産減価償却率最小値テキスト">
          <a:extLst>
            <a:ext uri="{FF2B5EF4-FFF2-40B4-BE49-F238E27FC236}">
              <a16:creationId xmlns:a16="http://schemas.microsoft.com/office/drawing/2014/main" id="{FB398015-AE94-458E-B02A-7770787FA4C0}"/>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1" name="直線コネクタ 290">
          <a:extLst>
            <a:ext uri="{FF2B5EF4-FFF2-40B4-BE49-F238E27FC236}">
              <a16:creationId xmlns:a16="http://schemas.microsoft.com/office/drawing/2014/main" id="{2F99A7E6-0604-4EAD-AD74-36DAA2E603FF}"/>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58256</xdr:rowOff>
    </xdr:from>
    <xdr:ext cx="405111" cy="259045"/>
    <xdr:sp macro="" textlink="">
      <xdr:nvSpPr>
        <xdr:cNvPr id="292" name="【公営住宅】&#10;有形固定資産減価償却率最大値テキスト">
          <a:extLst>
            <a:ext uri="{FF2B5EF4-FFF2-40B4-BE49-F238E27FC236}">
              <a16:creationId xmlns:a16="http://schemas.microsoft.com/office/drawing/2014/main" id="{C534A4F0-DE09-456B-AC05-E3B9AD44C622}"/>
            </a:ext>
          </a:extLst>
        </xdr:cNvPr>
        <xdr:cNvSpPr txBox="1"/>
      </xdr:nvSpPr>
      <xdr:spPr>
        <a:xfrm>
          <a:off x="4673600" y="132599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1579</xdr:rowOff>
    </xdr:from>
    <xdr:to>
      <xdr:col>24</xdr:col>
      <xdr:colOff>152400</xdr:colOff>
      <xdr:row>78</xdr:row>
      <xdr:rowOff>111579</xdr:rowOff>
    </xdr:to>
    <xdr:cxnSp macro="">
      <xdr:nvCxnSpPr>
        <xdr:cNvPr id="293" name="直線コネクタ 292">
          <a:extLst>
            <a:ext uri="{FF2B5EF4-FFF2-40B4-BE49-F238E27FC236}">
              <a16:creationId xmlns:a16="http://schemas.microsoft.com/office/drawing/2014/main" id="{8CE870CF-1A6B-44E6-BE70-5B932DAD85E8}"/>
            </a:ext>
          </a:extLst>
        </xdr:cNvPr>
        <xdr:cNvCxnSpPr/>
      </xdr:nvCxnSpPr>
      <xdr:spPr>
        <a:xfrm>
          <a:off x="4546600" y="134846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57166</xdr:rowOff>
    </xdr:from>
    <xdr:ext cx="405111" cy="259045"/>
    <xdr:sp macro="" textlink="">
      <xdr:nvSpPr>
        <xdr:cNvPr id="294" name="【公営住宅】&#10;有形固定資産減価償却率平均値テキスト">
          <a:extLst>
            <a:ext uri="{FF2B5EF4-FFF2-40B4-BE49-F238E27FC236}">
              <a16:creationId xmlns:a16="http://schemas.microsoft.com/office/drawing/2014/main" id="{3FBF3884-F6D2-410D-85BE-65297A6FC8A4}"/>
            </a:ext>
          </a:extLst>
        </xdr:cNvPr>
        <xdr:cNvSpPr txBox="1"/>
      </xdr:nvSpPr>
      <xdr:spPr>
        <a:xfrm>
          <a:off x="4673600" y="142875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78739</xdr:rowOff>
    </xdr:from>
    <xdr:to>
      <xdr:col>24</xdr:col>
      <xdr:colOff>114300</xdr:colOff>
      <xdr:row>84</xdr:row>
      <xdr:rowOff>8889</xdr:rowOff>
    </xdr:to>
    <xdr:sp macro="" textlink="">
      <xdr:nvSpPr>
        <xdr:cNvPr id="295" name="フローチャート: 判断 294">
          <a:extLst>
            <a:ext uri="{FF2B5EF4-FFF2-40B4-BE49-F238E27FC236}">
              <a16:creationId xmlns:a16="http://schemas.microsoft.com/office/drawing/2014/main" id="{2EA9A56F-280D-4713-A361-8383D41885A4}"/>
            </a:ext>
          </a:extLst>
        </xdr:cNvPr>
        <xdr:cNvSpPr/>
      </xdr:nvSpPr>
      <xdr:spPr>
        <a:xfrm>
          <a:off x="4584700" y="14309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49349</xdr:rowOff>
    </xdr:from>
    <xdr:to>
      <xdr:col>20</xdr:col>
      <xdr:colOff>38100</xdr:colOff>
      <xdr:row>83</xdr:row>
      <xdr:rowOff>150949</xdr:rowOff>
    </xdr:to>
    <xdr:sp macro="" textlink="">
      <xdr:nvSpPr>
        <xdr:cNvPr id="296" name="フローチャート: 判断 295">
          <a:extLst>
            <a:ext uri="{FF2B5EF4-FFF2-40B4-BE49-F238E27FC236}">
              <a16:creationId xmlns:a16="http://schemas.microsoft.com/office/drawing/2014/main" id="{3D3E9BF0-B655-46FB-B60A-E0D2325281BF}"/>
            </a:ext>
          </a:extLst>
        </xdr:cNvPr>
        <xdr:cNvSpPr/>
      </xdr:nvSpPr>
      <xdr:spPr>
        <a:xfrm>
          <a:off x="3746500" y="14279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6082</xdr:rowOff>
    </xdr:from>
    <xdr:to>
      <xdr:col>15</xdr:col>
      <xdr:colOff>101600</xdr:colOff>
      <xdr:row>83</xdr:row>
      <xdr:rowOff>147682</xdr:rowOff>
    </xdr:to>
    <xdr:sp macro="" textlink="">
      <xdr:nvSpPr>
        <xdr:cNvPr id="297" name="フローチャート: 判断 296">
          <a:extLst>
            <a:ext uri="{FF2B5EF4-FFF2-40B4-BE49-F238E27FC236}">
              <a16:creationId xmlns:a16="http://schemas.microsoft.com/office/drawing/2014/main" id="{A03F2F49-71EE-4691-B87D-282EE4248040}"/>
            </a:ext>
          </a:extLst>
        </xdr:cNvPr>
        <xdr:cNvSpPr/>
      </xdr:nvSpPr>
      <xdr:spPr>
        <a:xfrm>
          <a:off x="2857500" y="14276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34652</xdr:rowOff>
    </xdr:from>
    <xdr:to>
      <xdr:col>10</xdr:col>
      <xdr:colOff>165100</xdr:colOff>
      <xdr:row>83</xdr:row>
      <xdr:rowOff>136252</xdr:rowOff>
    </xdr:to>
    <xdr:sp macro="" textlink="">
      <xdr:nvSpPr>
        <xdr:cNvPr id="298" name="フローチャート: 判断 297">
          <a:extLst>
            <a:ext uri="{FF2B5EF4-FFF2-40B4-BE49-F238E27FC236}">
              <a16:creationId xmlns:a16="http://schemas.microsoft.com/office/drawing/2014/main" id="{E15D04C8-A3A3-4F10-82A0-CFD2E805A064}"/>
            </a:ext>
          </a:extLst>
        </xdr:cNvPr>
        <xdr:cNvSpPr/>
      </xdr:nvSpPr>
      <xdr:spPr>
        <a:xfrm>
          <a:off x="1968500" y="14265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6894</xdr:rowOff>
    </xdr:from>
    <xdr:to>
      <xdr:col>6</xdr:col>
      <xdr:colOff>38100</xdr:colOff>
      <xdr:row>83</xdr:row>
      <xdr:rowOff>108494</xdr:rowOff>
    </xdr:to>
    <xdr:sp macro="" textlink="">
      <xdr:nvSpPr>
        <xdr:cNvPr id="299" name="フローチャート: 判断 298">
          <a:extLst>
            <a:ext uri="{FF2B5EF4-FFF2-40B4-BE49-F238E27FC236}">
              <a16:creationId xmlns:a16="http://schemas.microsoft.com/office/drawing/2014/main" id="{6C0917EB-C16E-42F8-8F15-38DB9EC6E08A}"/>
            </a:ext>
          </a:extLst>
        </xdr:cNvPr>
        <xdr:cNvSpPr/>
      </xdr:nvSpPr>
      <xdr:spPr>
        <a:xfrm>
          <a:off x="1079500" y="1423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ABD7B620-F3BA-4BC4-8F5E-B9A6104C9335}"/>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02479F17-E40B-4CE4-A9E1-82E36058F633}"/>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426E360E-54F9-4913-8CF2-A3C4BFCCCADC}"/>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A3EE644B-112B-4B94-A704-13642A333C4C}"/>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EC2DB740-AD6F-4978-AAE1-67C93E256A94}"/>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8537</xdr:rowOff>
    </xdr:from>
    <xdr:to>
      <xdr:col>24</xdr:col>
      <xdr:colOff>114300</xdr:colOff>
      <xdr:row>82</xdr:row>
      <xdr:rowOff>18687</xdr:rowOff>
    </xdr:to>
    <xdr:sp macro="" textlink="">
      <xdr:nvSpPr>
        <xdr:cNvPr id="305" name="楕円 304">
          <a:extLst>
            <a:ext uri="{FF2B5EF4-FFF2-40B4-BE49-F238E27FC236}">
              <a16:creationId xmlns:a16="http://schemas.microsoft.com/office/drawing/2014/main" id="{9E9549CE-7D48-45FD-9E50-E03E93496F28}"/>
            </a:ext>
          </a:extLst>
        </xdr:cNvPr>
        <xdr:cNvSpPr/>
      </xdr:nvSpPr>
      <xdr:spPr>
        <a:xfrm>
          <a:off x="4584700" y="13975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111414</xdr:rowOff>
    </xdr:from>
    <xdr:ext cx="405111" cy="259045"/>
    <xdr:sp macro="" textlink="">
      <xdr:nvSpPr>
        <xdr:cNvPr id="306" name="【公営住宅】&#10;有形固定資産減価償却率該当値テキスト">
          <a:extLst>
            <a:ext uri="{FF2B5EF4-FFF2-40B4-BE49-F238E27FC236}">
              <a16:creationId xmlns:a16="http://schemas.microsoft.com/office/drawing/2014/main" id="{848DFC08-E848-467F-B9EC-207805E6F4DC}"/>
            </a:ext>
          </a:extLst>
        </xdr:cNvPr>
        <xdr:cNvSpPr txBox="1"/>
      </xdr:nvSpPr>
      <xdr:spPr>
        <a:xfrm>
          <a:off x="4673600" y="13827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59145</xdr:rowOff>
    </xdr:from>
    <xdr:to>
      <xdr:col>20</xdr:col>
      <xdr:colOff>38100</xdr:colOff>
      <xdr:row>81</xdr:row>
      <xdr:rowOff>160745</xdr:rowOff>
    </xdr:to>
    <xdr:sp macro="" textlink="">
      <xdr:nvSpPr>
        <xdr:cNvPr id="307" name="楕円 306">
          <a:extLst>
            <a:ext uri="{FF2B5EF4-FFF2-40B4-BE49-F238E27FC236}">
              <a16:creationId xmlns:a16="http://schemas.microsoft.com/office/drawing/2014/main" id="{63DCD55B-69F8-43C3-8C71-4D514715BCB5}"/>
            </a:ext>
          </a:extLst>
        </xdr:cNvPr>
        <xdr:cNvSpPr/>
      </xdr:nvSpPr>
      <xdr:spPr>
        <a:xfrm>
          <a:off x="3746500" y="13946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09945</xdr:rowOff>
    </xdr:from>
    <xdr:to>
      <xdr:col>24</xdr:col>
      <xdr:colOff>63500</xdr:colOff>
      <xdr:row>81</xdr:row>
      <xdr:rowOff>139337</xdr:rowOff>
    </xdr:to>
    <xdr:cxnSp macro="">
      <xdr:nvCxnSpPr>
        <xdr:cNvPr id="308" name="直線コネクタ 307">
          <a:extLst>
            <a:ext uri="{FF2B5EF4-FFF2-40B4-BE49-F238E27FC236}">
              <a16:creationId xmlns:a16="http://schemas.microsoft.com/office/drawing/2014/main" id="{459187F6-4225-42FB-A42E-83608AF2996E}"/>
            </a:ext>
          </a:extLst>
        </xdr:cNvPr>
        <xdr:cNvCxnSpPr/>
      </xdr:nvCxnSpPr>
      <xdr:spPr>
        <a:xfrm>
          <a:off x="3797300" y="13997395"/>
          <a:ext cx="8382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28121</xdr:rowOff>
    </xdr:from>
    <xdr:to>
      <xdr:col>15</xdr:col>
      <xdr:colOff>101600</xdr:colOff>
      <xdr:row>81</xdr:row>
      <xdr:rowOff>129721</xdr:rowOff>
    </xdr:to>
    <xdr:sp macro="" textlink="">
      <xdr:nvSpPr>
        <xdr:cNvPr id="309" name="楕円 308">
          <a:extLst>
            <a:ext uri="{FF2B5EF4-FFF2-40B4-BE49-F238E27FC236}">
              <a16:creationId xmlns:a16="http://schemas.microsoft.com/office/drawing/2014/main" id="{B08FCF4F-D089-4B0D-970E-2E53A5FB66AB}"/>
            </a:ext>
          </a:extLst>
        </xdr:cNvPr>
        <xdr:cNvSpPr/>
      </xdr:nvSpPr>
      <xdr:spPr>
        <a:xfrm>
          <a:off x="2857500" y="13915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78921</xdr:rowOff>
    </xdr:from>
    <xdr:to>
      <xdr:col>19</xdr:col>
      <xdr:colOff>177800</xdr:colOff>
      <xdr:row>81</xdr:row>
      <xdr:rowOff>109945</xdr:rowOff>
    </xdr:to>
    <xdr:cxnSp macro="">
      <xdr:nvCxnSpPr>
        <xdr:cNvPr id="310" name="直線コネクタ 309">
          <a:extLst>
            <a:ext uri="{FF2B5EF4-FFF2-40B4-BE49-F238E27FC236}">
              <a16:creationId xmlns:a16="http://schemas.microsoft.com/office/drawing/2014/main" id="{269BFDDD-6409-4AC8-AE80-ACEF0BFAF12B}"/>
            </a:ext>
          </a:extLst>
        </xdr:cNvPr>
        <xdr:cNvCxnSpPr/>
      </xdr:nvCxnSpPr>
      <xdr:spPr>
        <a:xfrm>
          <a:off x="2908300" y="13966371"/>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70180</xdr:rowOff>
    </xdr:from>
    <xdr:to>
      <xdr:col>10</xdr:col>
      <xdr:colOff>165100</xdr:colOff>
      <xdr:row>81</xdr:row>
      <xdr:rowOff>100330</xdr:rowOff>
    </xdr:to>
    <xdr:sp macro="" textlink="">
      <xdr:nvSpPr>
        <xdr:cNvPr id="311" name="楕円 310">
          <a:extLst>
            <a:ext uri="{FF2B5EF4-FFF2-40B4-BE49-F238E27FC236}">
              <a16:creationId xmlns:a16="http://schemas.microsoft.com/office/drawing/2014/main" id="{A94406F4-F4BF-4C5C-A9A8-35C486079250}"/>
            </a:ext>
          </a:extLst>
        </xdr:cNvPr>
        <xdr:cNvSpPr/>
      </xdr:nvSpPr>
      <xdr:spPr>
        <a:xfrm>
          <a:off x="1968500" y="1388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49530</xdr:rowOff>
    </xdr:from>
    <xdr:to>
      <xdr:col>15</xdr:col>
      <xdr:colOff>50800</xdr:colOff>
      <xdr:row>81</xdr:row>
      <xdr:rowOff>78921</xdr:rowOff>
    </xdr:to>
    <xdr:cxnSp macro="">
      <xdr:nvCxnSpPr>
        <xdr:cNvPr id="312" name="直線コネクタ 311">
          <a:extLst>
            <a:ext uri="{FF2B5EF4-FFF2-40B4-BE49-F238E27FC236}">
              <a16:creationId xmlns:a16="http://schemas.microsoft.com/office/drawing/2014/main" id="{0126BE8A-A9A7-4736-92C0-7102BCCA3332}"/>
            </a:ext>
          </a:extLst>
        </xdr:cNvPr>
        <xdr:cNvCxnSpPr/>
      </xdr:nvCxnSpPr>
      <xdr:spPr>
        <a:xfrm>
          <a:off x="2019300" y="13936980"/>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995</xdr:rowOff>
    </xdr:from>
    <xdr:to>
      <xdr:col>6</xdr:col>
      <xdr:colOff>38100</xdr:colOff>
      <xdr:row>81</xdr:row>
      <xdr:rowOff>103595</xdr:rowOff>
    </xdr:to>
    <xdr:sp macro="" textlink="">
      <xdr:nvSpPr>
        <xdr:cNvPr id="313" name="楕円 312">
          <a:extLst>
            <a:ext uri="{FF2B5EF4-FFF2-40B4-BE49-F238E27FC236}">
              <a16:creationId xmlns:a16="http://schemas.microsoft.com/office/drawing/2014/main" id="{2D1147BB-0E8A-4201-8744-EA51F121F68B}"/>
            </a:ext>
          </a:extLst>
        </xdr:cNvPr>
        <xdr:cNvSpPr/>
      </xdr:nvSpPr>
      <xdr:spPr>
        <a:xfrm>
          <a:off x="1079500" y="13889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49530</xdr:rowOff>
    </xdr:from>
    <xdr:to>
      <xdr:col>10</xdr:col>
      <xdr:colOff>114300</xdr:colOff>
      <xdr:row>81</xdr:row>
      <xdr:rowOff>52795</xdr:rowOff>
    </xdr:to>
    <xdr:cxnSp macro="">
      <xdr:nvCxnSpPr>
        <xdr:cNvPr id="314" name="直線コネクタ 313">
          <a:extLst>
            <a:ext uri="{FF2B5EF4-FFF2-40B4-BE49-F238E27FC236}">
              <a16:creationId xmlns:a16="http://schemas.microsoft.com/office/drawing/2014/main" id="{D5AA80FD-FA97-4E7B-B652-9D58C26AF032}"/>
            </a:ext>
          </a:extLst>
        </xdr:cNvPr>
        <xdr:cNvCxnSpPr/>
      </xdr:nvCxnSpPr>
      <xdr:spPr>
        <a:xfrm flipV="1">
          <a:off x="1130300" y="13936980"/>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42076</xdr:rowOff>
    </xdr:from>
    <xdr:ext cx="405111" cy="259045"/>
    <xdr:sp macro="" textlink="">
      <xdr:nvSpPr>
        <xdr:cNvPr id="315" name="n_1aveValue【公営住宅】&#10;有形固定資産減価償却率">
          <a:extLst>
            <a:ext uri="{FF2B5EF4-FFF2-40B4-BE49-F238E27FC236}">
              <a16:creationId xmlns:a16="http://schemas.microsoft.com/office/drawing/2014/main" id="{0BC5B5C6-1228-46F8-9521-E6943A255F39}"/>
            </a:ext>
          </a:extLst>
        </xdr:cNvPr>
        <xdr:cNvSpPr txBox="1"/>
      </xdr:nvSpPr>
      <xdr:spPr>
        <a:xfrm>
          <a:off x="3582044" y="14372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38809</xdr:rowOff>
    </xdr:from>
    <xdr:ext cx="405111" cy="259045"/>
    <xdr:sp macro="" textlink="">
      <xdr:nvSpPr>
        <xdr:cNvPr id="316" name="n_2aveValue【公営住宅】&#10;有形固定資産減価償却率">
          <a:extLst>
            <a:ext uri="{FF2B5EF4-FFF2-40B4-BE49-F238E27FC236}">
              <a16:creationId xmlns:a16="http://schemas.microsoft.com/office/drawing/2014/main" id="{196E53DE-F2AD-4248-BF9C-1838919F431C}"/>
            </a:ext>
          </a:extLst>
        </xdr:cNvPr>
        <xdr:cNvSpPr txBox="1"/>
      </xdr:nvSpPr>
      <xdr:spPr>
        <a:xfrm>
          <a:off x="2705744" y="143691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27379</xdr:rowOff>
    </xdr:from>
    <xdr:ext cx="405111" cy="259045"/>
    <xdr:sp macro="" textlink="">
      <xdr:nvSpPr>
        <xdr:cNvPr id="317" name="n_3aveValue【公営住宅】&#10;有形固定資産減価償却率">
          <a:extLst>
            <a:ext uri="{FF2B5EF4-FFF2-40B4-BE49-F238E27FC236}">
              <a16:creationId xmlns:a16="http://schemas.microsoft.com/office/drawing/2014/main" id="{32B2BBE7-4A90-49E7-B18F-862BC95ECB17}"/>
            </a:ext>
          </a:extLst>
        </xdr:cNvPr>
        <xdr:cNvSpPr txBox="1"/>
      </xdr:nvSpPr>
      <xdr:spPr>
        <a:xfrm>
          <a:off x="1816744" y="143577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99621</xdr:rowOff>
    </xdr:from>
    <xdr:ext cx="405111" cy="259045"/>
    <xdr:sp macro="" textlink="">
      <xdr:nvSpPr>
        <xdr:cNvPr id="318" name="n_4aveValue【公営住宅】&#10;有形固定資産減価償却率">
          <a:extLst>
            <a:ext uri="{FF2B5EF4-FFF2-40B4-BE49-F238E27FC236}">
              <a16:creationId xmlns:a16="http://schemas.microsoft.com/office/drawing/2014/main" id="{64A23225-94C9-4B27-BD4F-3F0F04D3E360}"/>
            </a:ext>
          </a:extLst>
        </xdr:cNvPr>
        <xdr:cNvSpPr txBox="1"/>
      </xdr:nvSpPr>
      <xdr:spPr>
        <a:xfrm>
          <a:off x="927744" y="14329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5822</xdr:rowOff>
    </xdr:from>
    <xdr:ext cx="405111" cy="259045"/>
    <xdr:sp macro="" textlink="">
      <xdr:nvSpPr>
        <xdr:cNvPr id="319" name="n_1mainValue【公営住宅】&#10;有形固定資産減価償却率">
          <a:extLst>
            <a:ext uri="{FF2B5EF4-FFF2-40B4-BE49-F238E27FC236}">
              <a16:creationId xmlns:a16="http://schemas.microsoft.com/office/drawing/2014/main" id="{C267165E-2F6E-4D54-9595-5DE4FC29633D}"/>
            </a:ext>
          </a:extLst>
        </xdr:cNvPr>
        <xdr:cNvSpPr txBox="1"/>
      </xdr:nvSpPr>
      <xdr:spPr>
        <a:xfrm>
          <a:off x="3582044" y="1372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46248</xdr:rowOff>
    </xdr:from>
    <xdr:ext cx="405111" cy="259045"/>
    <xdr:sp macro="" textlink="">
      <xdr:nvSpPr>
        <xdr:cNvPr id="320" name="n_2mainValue【公営住宅】&#10;有形固定資産減価償却率">
          <a:extLst>
            <a:ext uri="{FF2B5EF4-FFF2-40B4-BE49-F238E27FC236}">
              <a16:creationId xmlns:a16="http://schemas.microsoft.com/office/drawing/2014/main" id="{65DACDFE-76D5-4313-8E34-406487A2452C}"/>
            </a:ext>
          </a:extLst>
        </xdr:cNvPr>
        <xdr:cNvSpPr txBox="1"/>
      </xdr:nvSpPr>
      <xdr:spPr>
        <a:xfrm>
          <a:off x="2705744" y="13690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16857</xdr:rowOff>
    </xdr:from>
    <xdr:ext cx="405111" cy="259045"/>
    <xdr:sp macro="" textlink="">
      <xdr:nvSpPr>
        <xdr:cNvPr id="321" name="n_3mainValue【公営住宅】&#10;有形固定資産減価償却率">
          <a:extLst>
            <a:ext uri="{FF2B5EF4-FFF2-40B4-BE49-F238E27FC236}">
              <a16:creationId xmlns:a16="http://schemas.microsoft.com/office/drawing/2014/main" id="{65DE36AE-2F0D-414D-AE53-34D5202DE7AC}"/>
            </a:ext>
          </a:extLst>
        </xdr:cNvPr>
        <xdr:cNvSpPr txBox="1"/>
      </xdr:nvSpPr>
      <xdr:spPr>
        <a:xfrm>
          <a:off x="1816744" y="1366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20122</xdr:rowOff>
    </xdr:from>
    <xdr:ext cx="405111" cy="259045"/>
    <xdr:sp macro="" textlink="">
      <xdr:nvSpPr>
        <xdr:cNvPr id="322" name="n_4mainValue【公営住宅】&#10;有形固定資産減価償却率">
          <a:extLst>
            <a:ext uri="{FF2B5EF4-FFF2-40B4-BE49-F238E27FC236}">
              <a16:creationId xmlns:a16="http://schemas.microsoft.com/office/drawing/2014/main" id="{81CF0F71-2BD3-45D5-B587-0DB930543536}"/>
            </a:ext>
          </a:extLst>
        </xdr:cNvPr>
        <xdr:cNvSpPr txBox="1"/>
      </xdr:nvSpPr>
      <xdr:spPr>
        <a:xfrm>
          <a:off x="927744" y="1366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a16="http://schemas.microsoft.com/office/drawing/2014/main" id="{6813EE86-92B1-499D-A310-FA6D064EEF0C}"/>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a16="http://schemas.microsoft.com/office/drawing/2014/main" id="{2232ADE7-8394-4DEE-B7DB-B401F482FC4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a16="http://schemas.microsoft.com/office/drawing/2014/main" id="{02918ADF-7F6F-499D-894E-7A18E0317DC7}"/>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a16="http://schemas.microsoft.com/office/drawing/2014/main" id="{5C128B9A-C1D2-4447-A04B-B69B42ACBDAD}"/>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a16="http://schemas.microsoft.com/office/drawing/2014/main" id="{AB7E16FA-25C9-4284-8548-244E6F2B51A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a16="http://schemas.microsoft.com/office/drawing/2014/main" id="{43E378D0-02C1-488C-A4D1-A121AFC62CE3}"/>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a16="http://schemas.microsoft.com/office/drawing/2014/main" id="{2A1FFA61-5EBA-49BC-9C4A-94A04367012D}"/>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a16="http://schemas.microsoft.com/office/drawing/2014/main" id="{B8A43509-E59C-405D-84BA-EA2B836865D3}"/>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a16="http://schemas.microsoft.com/office/drawing/2014/main" id="{99BD07EE-C164-42CE-B1BC-6CE9CE6A88BA}"/>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a16="http://schemas.microsoft.com/office/drawing/2014/main" id="{F8DE4805-EF07-4A62-8B7B-E4819BFFB653}"/>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3" name="直線コネクタ 332">
          <a:extLst>
            <a:ext uri="{FF2B5EF4-FFF2-40B4-BE49-F238E27FC236}">
              <a16:creationId xmlns:a16="http://schemas.microsoft.com/office/drawing/2014/main" id="{6A8F3CF6-8C74-42FD-8754-A5BA5AD74D58}"/>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4" name="テキスト ボックス 333">
          <a:extLst>
            <a:ext uri="{FF2B5EF4-FFF2-40B4-BE49-F238E27FC236}">
              <a16:creationId xmlns:a16="http://schemas.microsoft.com/office/drawing/2014/main" id="{6344FB67-1154-48AA-8A43-91DD4EE265AE}"/>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5" name="直線コネクタ 334">
          <a:extLst>
            <a:ext uri="{FF2B5EF4-FFF2-40B4-BE49-F238E27FC236}">
              <a16:creationId xmlns:a16="http://schemas.microsoft.com/office/drawing/2014/main" id="{B0742FD5-21B4-434B-BB69-2817C5A1AF8A}"/>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6" name="テキスト ボックス 335">
          <a:extLst>
            <a:ext uri="{FF2B5EF4-FFF2-40B4-BE49-F238E27FC236}">
              <a16:creationId xmlns:a16="http://schemas.microsoft.com/office/drawing/2014/main" id="{37DB9074-EE93-4FE1-AC27-4E89C565619B}"/>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7" name="直線コネクタ 336">
          <a:extLst>
            <a:ext uri="{FF2B5EF4-FFF2-40B4-BE49-F238E27FC236}">
              <a16:creationId xmlns:a16="http://schemas.microsoft.com/office/drawing/2014/main" id="{6288886D-2745-4AF6-B44C-C30DD1684D08}"/>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8" name="テキスト ボックス 337">
          <a:extLst>
            <a:ext uri="{FF2B5EF4-FFF2-40B4-BE49-F238E27FC236}">
              <a16:creationId xmlns:a16="http://schemas.microsoft.com/office/drawing/2014/main" id="{CE008AC6-7505-458E-81F7-D429AA045F63}"/>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9" name="直線コネクタ 338">
          <a:extLst>
            <a:ext uri="{FF2B5EF4-FFF2-40B4-BE49-F238E27FC236}">
              <a16:creationId xmlns:a16="http://schemas.microsoft.com/office/drawing/2014/main" id="{6F8E9077-C5C4-4038-BD97-E9E423F29FF5}"/>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0" name="テキスト ボックス 339">
          <a:extLst>
            <a:ext uri="{FF2B5EF4-FFF2-40B4-BE49-F238E27FC236}">
              <a16:creationId xmlns:a16="http://schemas.microsoft.com/office/drawing/2014/main" id="{997C485F-6E2E-4628-8778-E70D94CD7417}"/>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1" name="直線コネクタ 340">
          <a:extLst>
            <a:ext uri="{FF2B5EF4-FFF2-40B4-BE49-F238E27FC236}">
              <a16:creationId xmlns:a16="http://schemas.microsoft.com/office/drawing/2014/main" id="{27288E19-70A3-49ED-89BE-017B55A0C4C3}"/>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2" name="テキスト ボックス 341">
          <a:extLst>
            <a:ext uri="{FF2B5EF4-FFF2-40B4-BE49-F238E27FC236}">
              <a16:creationId xmlns:a16="http://schemas.microsoft.com/office/drawing/2014/main" id="{E44CEE84-2B7A-48EA-98F4-87A3F3AFCC3A}"/>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3" name="直線コネクタ 342">
          <a:extLst>
            <a:ext uri="{FF2B5EF4-FFF2-40B4-BE49-F238E27FC236}">
              <a16:creationId xmlns:a16="http://schemas.microsoft.com/office/drawing/2014/main" id="{9129DDEA-D654-4D6C-AF8C-49FB8453DC74}"/>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4" name="テキスト ボックス 343">
          <a:extLst>
            <a:ext uri="{FF2B5EF4-FFF2-40B4-BE49-F238E27FC236}">
              <a16:creationId xmlns:a16="http://schemas.microsoft.com/office/drawing/2014/main" id="{6CF3F51A-C73C-4E63-8FF5-1002BAD97B54}"/>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5" name="【公営住宅】&#10;一人当たり面積グラフ枠">
          <a:extLst>
            <a:ext uri="{FF2B5EF4-FFF2-40B4-BE49-F238E27FC236}">
              <a16:creationId xmlns:a16="http://schemas.microsoft.com/office/drawing/2014/main" id="{4C43F53B-CF01-4693-851E-EA6B8EAE12F1}"/>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22873</xdr:rowOff>
    </xdr:from>
    <xdr:to>
      <xdr:col>54</xdr:col>
      <xdr:colOff>189865</xdr:colOff>
      <xdr:row>86</xdr:row>
      <xdr:rowOff>111061</xdr:rowOff>
    </xdr:to>
    <xdr:cxnSp macro="">
      <xdr:nvCxnSpPr>
        <xdr:cNvPr id="346" name="直線コネクタ 345">
          <a:extLst>
            <a:ext uri="{FF2B5EF4-FFF2-40B4-BE49-F238E27FC236}">
              <a16:creationId xmlns:a16="http://schemas.microsoft.com/office/drawing/2014/main" id="{148382ED-A162-475B-9368-0C8E74E69E2B}"/>
            </a:ext>
          </a:extLst>
        </xdr:cNvPr>
        <xdr:cNvCxnSpPr/>
      </xdr:nvCxnSpPr>
      <xdr:spPr>
        <a:xfrm flipV="1">
          <a:off x="10476865" y="13324523"/>
          <a:ext cx="0" cy="15312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4888</xdr:rowOff>
    </xdr:from>
    <xdr:ext cx="469744" cy="259045"/>
    <xdr:sp macro="" textlink="">
      <xdr:nvSpPr>
        <xdr:cNvPr id="347" name="【公営住宅】&#10;一人当たり面積最小値テキスト">
          <a:extLst>
            <a:ext uri="{FF2B5EF4-FFF2-40B4-BE49-F238E27FC236}">
              <a16:creationId xmlns:a16="http://schemas.microsoft.com/office/drawing/2014/main" id="{072F4A8B-CD71-4B13-9036-D56170DE50C7}"/>
            </a:ext>
          </a:extLst>
        </xdr:cNvPr>
        <xdr:cNvSpPr txBox="1"/>
      </xdr:nvSpPr>
      <xdr:spPr>
        <a:xfrm>
          <a:off x="10515600" y="14859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061</xdr:rowOff>
    </xdr:from>
    <xdr:to>
      <xdr:col>55</xdr:col>
      <xdr:colOff>88900</xdr:colOff>
      <xdr:row>86</xdr:row>
      <xdr:rowOff>111061</xdr:rowOff>
    </xdr:to>
    <xdr:cxnSp macro="">
      <xdr:nvCxnSpPr>
        <xdr:cNvPr id="348" name="直線コネクタ 347">
          <a:extLst>
            <a:ext uri="{FF2B5EF4-FFF2-40B4-BE49-F238E27FC236}">
              <a16:creationId xmlns:a16="http://schemas.microsoft.com/office/drawing/2014/main" id="{9C76C0C0-983D-408B-A8D5-1B1C37738DF1}"/>
            </a:ext>
          </a:extLst>
        </xdr:cNvPr>
        <xdr:cNvCxnSpPr/>
      </xdr:nvCxnSpPr>
      <xdr:spPr>
        <a:xfrm>
          <a:off x="10388600" y="14855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69550</xdr:rowOff>
    </xdr:from>
    <xdr:ext cx="469744" cy="259045"/>
    <xdr:sp macro="" textlink="">
      <xdr:nvSpPr>
        <xdr:cNvPr id="349" name="【公営住宅】&#10;一人当たり面積最大値テキスト">
          <a:extLst>
            <a:ext uri="{FF2B5EF4-FFF2-40B4-BE49-F238E27FC236}">
              <a16:creationId xmlns:a16="http://schemas.microsoft.com/office/drawing/2014/main" id="{93351942-790E-4FB1-B40D-3DA1E03C9F31}"/>
            </a:ext>
          </a:extLst>
        </xdr:cNvPr>
        <xdr:cNvSpPr txBox="1"/>
      </xdr:nvSpPr>
      <xdr:spPr>
        <a:xfrm>
          <a:off x="10515600" y="13099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22873</xdr:rowOff>
    </xdr:from>
    <xdr:to>
      <xdr:col>55</xdr:col>
      <xdr:colOff>88900</xdr:colOff>
      <xdr:row>77</xdr:row>
      <xdr:rowOff>122873</xdr:rowOff>
    </xdr:to>
    <xdr:cxnSp macro="">
      <xdr:nvCxnSpPr>
        <xdr:cNvPr id="350" name="直線コネクタ 349">
          <a:extLst>
            <a:ext uri="{FF2B5EF4-FFF2-40B4-BE49-F238E27FC236}">
              <a16:creationId xmlns:a16="http://schemas.microsoft.com/office/drawing/2014/main" id="{F25573F5-8F03-4DF5-9A8E-F2EA96B6095C}"/>
            </a:ext>
          </a:extLst>
        </xdr:cNvPr>
        <xdr:cNvCxnSpPr/>
      </xdr:nvCxnSpPr>
      <xdr:spPr>
        <a:xfrm>
          <a:off x="10388600" y="133245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9135</xdr:rowOff>
    </xdr:from>
    <xdr:ext cx="469744" cy="259045"/>
    <xdr:sp macro="" textlink="">
      <xdr:nvSpPr>
        <xdr:cNvPr id="351" name="【公営住宅】&#10;一人当たり面積平均値テキスト">
          <a:extLst>
            <a:ext uri="{FF2B5EF4-FFF2-40B4-BE49-F238E27FC236}">
              <a16:creationId xmlns:a16="http://schemas.microsoft.com/office/drawing/2014/main" id="{E4D9D2B0-E42C-40BC-9875-A7951D1BF67B}"/>
            </a:ext>
          </a:extLst>
        </xdr:cNvPr>
        <xdr:cNvSpPr txBox="1"/>
      </xdr:nvSpPr>
      <xdr:spPr>
        <a:xfrm>
          <a:off x="10515600" y="142894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6258</xdr:rowOff>
    </xdr:from>
    <xdr:to>
      <xdr:col>55</xdr:col>
      <xdr:colOff>50800</xdr:colOff>
      <xdr:row>84</xdr:row>
      <xdr:rowOff>137858</xdr:rowOff>
    </xdr:to>
    <xdr:sp macro="" textlink="">
      <xdr:nvSpPr>
        <xdr:cNvPr id="352" name="フローチャート: 判断 351">
          <a:extLst>
            <a:ext uri="{FF2B5EF4-FFF2-40B4-BE49-F238E27FC236}">
              <a16:creationId xmlns:a16="http://schemas.microsoft.com/office/drawing/2014/main" id="{73E9BB9A-8BCE-4F67-BB7D-DBD53846E24B}"/>
            </a:ext>
          </a:extLst>
        </xdr:cNvPr>
        <xdr:cNvSpPr/>
      </xdr:nvSpPr>
      <xdr:spPr>
        <a:xfrm>
          <a:off x="10426700" y="14438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72834</xdr:rowOff>
    </xdr:from>
    <xdr:to>
      <xdr:col>50</xdr:col>
      <xdr:colOff>165100</xdr:colOff>
      <xdr:row>85</xdr:row>
      <xdr:rowOff>2984</xdr:rowOff>
    </xdr:to>
    <xdr:sp macro="" textlink="">
      <xdr:nvSpPr>
        <xdr:cNvPr id="353" name="フローチャート: 判断 352">
          <a:extLst>
            <a:ext uri="{FF2B5EF4-FFF2-40B4-BE49-F238E27FC236}">
              <a16:creationId xmlns:a16="http://schemas.microsoft.com/office/drawing/2014/main" id="{FCE04A90-FE98-4D11-BF7F-26387B7B0250}"/>
            </a:ext>
          </a:extLst>
        </xdr:cNvPr>
        <xdr:cNvSpPr/>
      </xdr:nvSpPr>
      <xdr:spPr>
        <a:xfrm>
          <a:off x="9588500" y="14474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55880</xdr:rowOff>
    </xdr:from>
    <xdr:to>
      <xdr:col>46</xdr:col>
      <xdr:colOff>38100</xdr:colOff>
      <xdr:row>84</xdr:row>
      <xdr:rowOff>157480</xdr:rowOff>
    </xdr:to>
    <xdr:sp macro="" textlink="">
      <xdr:nvSpPr>
        <xdr:cNvPr id="354" name="フローチャート: 判断 353">
          <a:extLst>
            <a:ext uri="{FF2B5EF4-FFF2-40B4-BE49-F238E27FC236}">
              <a16:creationId xmlns:a16="http://schemas.microsoft.com/office/drawing/2014/main" id="{5DD31DC6-B777-4575-A32B-09D3F97A2AA5}"/>
            </a:ext>
          </a:extLst>
        </xdr:cNvPr>
        <xdr:cNvSpPr/>
      </xdr:nvSpPr>
      <xdr:spPr>
        <a:xfrm>
          <a:off x="8699500" y="1445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42163</xdr:rowOff>
    </xdr:from>
    <xdr:to>
      <xdr:col>41</xdr:col>
      <xdr:colOff>101600</xdr:colOff>
      <xdr:row>84</xdr:row>
      <xdr:rowOff>143763</xdr:rowOff>
    </xdr:to>
    <xdr:sp macro="" textlink="">
      <xdr:nvSpPr>
        <xdr:cNvPr id="355" name="フローチャート: 判断 354">
          <a:extLst>
            <a:ext uri="{FF2B5EF4-FFF2-40B4-BE49-F238E27FC236}">
              <a16:creationId xmlns:a16="http://schemas.microsoft.com/office/drawing/2014/main" id="{6E6DFE47-44B5-4D99-B186-7C93EF10E290}"/>
            </a:ext>
          </a:extLst>
        </xdr:cNvPr>
        <xdr:cNvSpPr/>
      </xdr:nvSpPr>
      <xdr:spPr>
        <a:xfrm>
          <a:off x="7810500" y="14443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74358</xdr:rowOff>
    </xdr:from>
    <xdr:to>
      <xdr:col>36</xdr:col>
      <xdr:colOff>165100</xdr:colOff>
      <xdr:row>85</xdr:row>
      <xdr:rowOff>4508</xdr:rowOff>
    </xdr:to>
    <xdr:sp macro="" textlink="">
      <xdr:nvSpPr>
        <xdr:cNvPr id="356" name="フローチャート: 判断 355">
          <a:extLst>
            <a:ext uri="{FF2B5EF4-FFF2-40B4-BE49-F238E27FC236}">
              <a16:creationId xmlns:a16="http://schemas.microsoft.com/office/drawing/2014/main" id="{C7DC86FA-E049-41CB-B7BC-FFBE64822FC7}"/>
            </a:ext>
          </a:extLst>
        </xdr:cNvPr>
        <xdr:cNvSpPr/>
      </xdr:nvSpPr>
      <xdr:spPr>
        <a:xfrm>
          <a:off x="6921500" y="14476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4B7B026C-7BD3-40A2-819A-1D3562B3E8A6}"/>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78E3DDD5-7904-4CD0-B9A4-B143CE26C319}"/>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345407A3-EFEA-4843-BF92-AE0A91F4FE9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8AB4EF7C-6B56-4806-AFD9-56CA33DD9722}"/>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8FACDF8F-2EEC-4939-925D-CFD9D2286684}"/>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778</xdr:rowOff>
    </xdr:from>
    <xdr:to>
      <xdr:col>55</xdr:col>
      <xdr:colOff>50800</xdr:colOff>
      <xdr:row>86</xdr:row>
      <xdr:rowOff>103378</xdr:rowOff>
    </xdr:to>
    <xdr:sp macro="" textlink="">
      <xdr:nvSpPr>
        <xdr:cNvPr id="362" name="楕円 361">
          <a:extLst>
            <a:ext uri="{FF2B5EF4-FFF2-40B4-BE49-F238E27FC236}">
              <a16:creationId xmlns:a16="http://schemas.microsoft.com/office/drawing/2014/main" id="{FD26E32C-3E8A-4C0C-949C-73A5BBBD416F}"/>
            </a:ext>
          </a:extLst>
        </xdr:cNvPr>
        <xdr:cNvSpPr/>
      </xdr:nvSpPr>
      <xdr:spPr>
        <a:xfrm>
          <a:off x="10426700" y="14746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88155</xdr:rowOff>
    </xdr:from>
    <xdr:ext cx="469744" cy="259045"/>
    <xdr:sp macro="" textlink="">
      <xdr:nvSpPr>
        <xdr:cNvPr id="363" name="【公営住宅】&#10;一人当たり面積該当値テキスト">
          <a:extLst>
            <a:ext uri="{FF2B5EF4-FFF2-40B4-BE49-F238E27FC236}">
              <a16:creationId xmlns:a16="http://schemas.microsoft.com/office/drawing/2014/main" id="{5C70DB36-040C-4614-A06A-23BD53FC5A23}"/>
            </a:ext>
          </a:extLst>
        </xdr:cNvPr>
        <xdr:cNvSpPr txBox="1"/>
      </xdr:nvSpPr>
      <xdr:spPr>
        <a:xfrm>
          <a:off x="10515600" y="14661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2921</xdr:rowOff>
    </xdr:from>
    <xdr:to>
      <xdr:col>50</xdr:col>
      <xdr:colOff>165100</xdr:colOff>
      <xdr:row>86</xdr:row>
      <xdr:rowOff>104521</xdr:rowOff>
    </xdr:to>
    <xdr:sp macro="" textlink="">
      <xdr:nvSpPr>
        <xdr:cNvPr id="364" name="楕円 363">
          <a:extLst>
            <a:ext uri="{FF2B5EF4-FFF2-40B4-BE49-F238E27FC236}">
              <a16:creationId xmlns:a16="http://schemas.microsoft.com/office/drawing/2014/main" id="{8A41E3E9-E9D6-43E0-BBEF-65DDB9668DFB}"/>
            </a:ext>
          </a:extLst>
        </xdr:cNvPr>
        <xdr:cNvSpPr/>
      </xdr:nvSpPr>
      <xdr:spPr>
        <a:xfrm>
          <a:off x="9588500" y="14747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52578</xdr:rowOff>
    </xdr:from>
    <xdr:to>
      <xdr:col>55</xdr:col>
      <xdr:colOff>0</xdr:colOff>
      <xdr:row>86</xdr:row>
      <xdr:rowOff>53721</xdr:rowOff>
    </xdr:to>
    <xdr:cxnSp macro="">
      <xdr:nvCxnSpPr>
        <xdr:cNvPr id="365" name="直線コネクタ 364">
          <a:extLst>
            <a:ext uri="{FF2B5EF4-FFF2-40B4-BE49-F238E27FC236}">
              <a16:creationId xmlns:a16="http://schemas.microsoft.com/office/drawing/2014/main" id="{8E735573-73F7-4FEC-BF6E-E7A59ECB69E5}"/>
            </a:ext>
          </a:extLst>
        </xdr:cNvPr>
        <xdr:cNvCxnSpPr/>
      </xdr:nvCxnSpPr>
      <xdr:spPr>
        <a:xfrm flipV="1">
          <a:off x="9639300" y="14797278"/>
          <a:ext cx="8382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3683</xdr:rowOff>
    </xdr:from>
    <xdr:to>
      <xdr:col>46</xdr:col>
      <xdr:colOff>38100</xdr:colOff>
      <xdr:row>86</xdr:row>
      <xdr:rowOff>105283</xdr:rowOff>
    </xdr:to>
    <xdr:sp macro="" textlink="">
      <xdr:nvSpPr>
        <xdr:cNvPr id="366" name="楕円 365">
          <a:extLst>
            <a:ext uri="{FF2B5EF4-FFF2-40B4-BE49-F238E27FC236}">
              <a16:creationId xmlns:a16="http://schemas.microsoft.com/office/drawing/2014/main" id="{DF72BE3A-5A91-4E71-B4BD-73A84571E181}"/>
            </a:ext>
          </a:extLst>
        </xdr:cNvPr>
        <xdr:cNvSpPr/>
      </xdr:nvSpPr>
      <xdr:spPr>
        <a:xfrm>
          <a:off x="8699500" y="14748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53721</xdr:rowOff>
    </xdr:from>
    <xdr:to>
      <xdr:col>50</xdr:col>
      <xdr:colOff>114300</xdr:colOff>
      <xdr:row>86</xdr:row>
      <xdr:rowOff>54483</xdr:rowOff>
    </xdr:to>
    <xdr:cxnSp macro="">
      <xdr:nvCxnSpPr>
        <xdr:cNvPr id="367" name="直線コネクタ 366">
          <a:extLst>
            <a:ext uri="{FF2B5EF4-FFF2-40B4-BE49-F238E27FC236}">
              <a16:creationId xmlns:a16="http://schemas.microsoft.com/office/drawing/2014/main" id="{39FDE90C-50D7-4E74-BB52-57D9F05D0F61}"/>
            </a:ext>
          </a:extLst>
        </xdr:cNvPr>
        <xdr:cNvCxnSpPr/>
      </xdr:nvCxnSpPr>
      <xdr:spPr>
        <a:xfrm flipV="1">
          <a:off x="8750300" y="14798421"/>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4826</xdr:rowOff>
    </xdr:from>
    <xdr:to>
      <xdr:col>41</xdr:col>
      <xdr:colOff>101600</xdr:colOff>
      <xdr:row>86</xdr:row>
      <xdr:rowOff>106426</xdr:rowOff>
    </xdr:to>
    <xdr:sp macro="" textlink="">
      <xdr:nvSpPr>
        <xdr:cNvPr id="368" name="楕円 367">
          <a:extLst>
            <a:ext uri="{FF2B5EF4-FFF2-40B4-BE49-F238E27FC236}">
              <a16:creationId xmlns:a16="http://schemas.microsoft.com/office/drawing/2014/main" id="{B9ED1B92-DACD-4E34-BB9F-2F0DF4AA46CC}"/>
            </a:ext>
          </a:extLst>
        </xdr:cNvPr>
        <xdr:cNvSpPr/>
      </xdr:nvSpPr>
      <xdr:spPr>
        <a:xfrm>
          <a:off x="7810500" y="14749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54483</xdr:rowOff>
    </xdr:from>
    <xdr:to>
      <xdr:col>45</xdr:col>
      <xdr:colOff>177800</xdr:colOff>
      <xdr:row>86</xdr:row>
      <xdr:rowOff>55626</xdr:rowOff>
    </xdr:to>
    <xdr:cxnSp macro="">
      <xdr:nvCxnSpPr>
        <xdr:cNvPr id="369" name="直線コネクタ 368">
          <a:extLst>
            <a:ext uri="{FF2B5EF4-FFF2-40B4-BE49-F238E27FC236}">
              <a16:creationId xmlns:a16="http://schemas.microsoft.com/office/drawing/2014/main" id="{A6B321FC-F860-41C2-AFA6-3D05092C10FB}"/>
            </a:ext>
          </a:extLst>
        </xdr:cNvPr>
        <xdr:cNvCxnSpPr/>
      </xdr:nvCxnSpPr>
      <xdr:spPr>
        <a:xfrm flipV="1">
          <a:off x="7861300" y="14799183"/>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4254</xdr:rowOff>
    </xdr:from>
    <xdr:to>
      <xdr:col>36</xdr:col>
      <xdr:colOff>165100</xdr:colOff>
      <xdr:row>86</xdr:row>
      <xdr:rowOff>105854</xdr:rowOff>
    </xdr:to>
    <xdr:sp macro="" textlink="">
      <xdr:nvSpPr>
        <xdr:cNvPr id="370" name="楕円 369">
          <a:extLst>
            <a:ext uri="{FF2B5EF4-FFF2-40B4-BE49-F238E27FC236}">
              <a16:creationId xmlns:a16="http://schemas.microsoft.com/office/drawing/2014/main" id="{AA14AB79-FEE9-4022-B632-57B54EDF7890}"/>
            </a:ext>
          </a:extLst>
        </xdr:cNvPr>
        <xdr:cNvSpPr/>
      </xdr:nvSpPr>
      <xdr:spPr>
        <a:xfrm>
          <a:off x="6921500" y="14748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55054</xdr:rowOff>
    </xdr:from>
    <xdr:to>
      <xdr:col>41</xdr:col>
      <xdr:colOff>50800</xdr:colOff>
      <xdr:row>86</xdr:row>
      <xdr:rowOff>55626</xdr:rowOff>
    </xdr:to>
    <xdr:cxnSp macro="">
      <xdr:nvCxnSpPr>
        <xdr:cNvPr id="371" name="直線コネクタ 370">
          <a:extLst>
            <a:ext uri="{FF2B5EF4-FFF2-40B4-BE49-F238E27FC236}">
              <a16:creationId xmlns:a16="http://schemas.microsoft.com/office/drawing/2014/main" id="{6981FE1B-E043-4A31-A01F-A9E634138053}"/>
            </a:ext>
          </a:extLst>
        </xdr:cNvPr>
        <xdr:cNvCxnSpPr/>
      </xdr:nvCxnSpPr>
      <xdr:spPr>
        <a:xfrm>
          <a:off x="6972300" y="14799754"/>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9511</xdr:rowOff>
    </xdr:from>
    <xdr:ext cx="469744" cy="259045"/>
    <xdr:sp macro="" textlink="">
      <xdr:nvSpPr>
        <xdr:cNvPr id="372" name="n_1aveValue【公営住宅】&#10;一人当たり面積">
          <a:extLst>
            <a:ext uri="{FF2B5EF4-FFF2-40B4-BE49-F238E27FC236}">
              <a16:creationId xmlns:a16="http://schemas.microsoft.com/office/drawing/2014/main" id="{00413464-F23C-40C4-A5B8-7B0592032724}"/>
            </a:ext>
          </a:extLst>
        </xdr:cNvPr>
        <xdr:cNvSpPr txBox="1"/>
      </xdr:nvSpPr>
      <xdr:spPr>
        <a:xfrm>
          <a:off x="9391727" y="14249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2557</xdr:rowOff>
    </xdr:from>
    <xdr:ext cx="469744" cy="259045"/>
    <xdr:sp macro="" textlink="">
      <xdr:nvSpPr>
        <xdr:cNvPr id="373" name="n_2aveValue【公営住宅】&#10;一人当たり面積">
          <a:extLst>
            <a:ext uri="{FF2B5EF4-FFF2-40B4-BE49-F238E27FC236}">
              <a16:creationId xmlns:a16="http://schemas.microsoft.com/office/drawing/2014/main" id="{7FC98421-1984-4670-93C5-DDF58D5608DB}"/>
            </a:ext>
          </a:extLst>
        </xdr:cNvPr>
        <xdr:cNvSpPr txBox="1"/>
      </xdr:nvSpPr>
      <xdr:spPr>
        <a:xfrm>
          <a:off x="8515427" y="1423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60290</xdr:rowOff>
    </xdr:from>
    <xdr:ext cx="469744" cy="259045"/>
    <xdr:sp macro="" textlink="">
      <xdr:nvSpPr>
        <xdr:cNvPr id="374" name="n_3aveValue【公営住宅】&#10;一人当たり面積">
          <a:extLst>
            <a:ext uri="{FF2B5EF4-FFF2-40B4-BE49-F238E27FC236}">
              <a16:creationId xmlns:a16="http://schemas.microsoft.com/office/drawing/2014/main" id="{642D64C6-B3AB-4ED2-96B9-BA48E42D06C5}"/>
            </a:ext>
          </a:extLst>
        </xdr:cNvPr>
        <xdr:cNvSpPr txBox="1"/>
      </xdr:nvSpPr>
      <xdr:spPr>
        <a:xfrm>
          <a:off x="7626427" y="1421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21035</xdr:rowOff>
    </xdr:from>
    <xdr:ext cx="469744" cy="259045"/>
    <xdr:sp macro="" textlink="">
      <xdr:nvSpPr>
        <xdr:cNvPr id="375" name="n_4aveValue【公営住宅】&#10;一人当たり面積">
          <a:extLst>
            <a:ext uri="{FF2B5EF4-FFF2-40B4-BE49-F238E27FC236}">
              <a16:creationId xmlns:a16="http://schemas.microsoft.com/office/drawing/2014/main" id="{0AAF6F5F-F64B-40DB-9A9B-A2032FA493A9}"/>
            </a:ext>
          </a:extLst>
        </xdr:cNvPr>
        <xdr:cNvSpPr txBox="1"/>
      </xdr:nvSpPr>
      <xdr:spPr>
        <a:xfrm>
          <a:off x="6737427" y="142513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95648</xdr:rowOff>
    </xdr:from>
    <xdr:ext cx="469744" cy="259045"/>
    <xdr:sp macro="" textlink="">
      <xdr:nvSpPr>
        <xdr:cNvPr id="376" name="n_1mainValue【公営住宅】&#10;一人当たり面積">
          <a:extLst>
            <a:ext uri="{FF2B5EF4-FFF2-40B4-BE49-F238E27FC236}">
              <a16:creationId xmlns:a16="http://schemas.microsoft.com/office/drawing/2014/main" id="{90649810-C141-412F-9370-E851E31D8092}"/>
            </a:ext>
          </a:extLst>
        </xdr:cNvPr>
        <xdr:cNvSpPr txBox="1"/>
      </xdr:nvSpPr>
      <xdr:spPr>
        <a:xfrm>
          <a:off x="9391727" y="148403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96410</xdr:rowOff>
    </xdr:from>
    <xdr:ext cx="469744" cy="259045"/>
    <xdr:sp macro="" textlink="">
      <xdr:nvSpPr>
        <xdr:cNvPr id="377" name="n_2mainValue【公営住宅】&#10;一人当たり面積">
          <a:extLst>
            <a:ext uri="{FF2B5EF4-FFF2-40B4-BE49-F238E27FC236}">
              <a16:creationId xmlns:a16="http://schemas.microsoft.com/office/drawing/2014/main" id="{8AEE8DA9-917A-4935-BF09-CD35B18DEA85}"/>
            </a:ext>
          </a:extLst>
        </xdr:cNvPr>
        <xdr:cNvSpPr txBox="1"/>
      </xdr:nvSpPr>
      <xdr:spPr>
        <a:xfrm>
          <a:off x="8515427" y="14841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97553</xdr:rowOff>
    </xdr:from>
    <xdr:ext cx="469744" cy="259045"/>
    <xdr:sp macro="" textlink="">
      <xdr:nvSpPr>
        <xdr:cNvPr id="378" name="n_3mainValue【公営住宅】&#10;一人当たり面積">
          <a:extLst>
            <a:ext uri="{FF2B5EF4-FFF2-40B4-BE49-F238E27FC236}">
              <a16:creationId xmlns:a16="http://schemas.microsoft.com/office/drawing/2014/main" id="{445ADA2B-7052-414D-8204-5814B817352E}"/>
            </a:ext>
          </a:extLst>
        </xdr:cNvPr>
        <xdr:cNvSpPr txBox="1"/>
      </xdr:nvSpPr>
      <xdr:spPr>
        <a:xfrm>
          <a:off x="7626427" y="14842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96981</xdr:rowOff>
    </xdr:from>
    <xdr:ext cx="469744" cy="259045"/>
    <xdr:sp macro="" textlink="">
      <xdr:nvSpPr>
        <xdr:cNvPr id="379" name="n_4mainValue【公営住宅】&#10;一人当たり面積">
          <a:extLst>
            <a:ext uri="{FF2B5EF4-FFF2-40B4-BE49-F238E27FC236}">
              <a16:creationId xmlns:a16="http://schemas.microsoft.com/office/drawing/2014/main" id="{30682976-8343-44F9-B3F1-C9A06D455EE8}"/>
            </a:ext>
          </a:extLst>
        </xdr:cNvPr>
        <xdr:cNvSpPr txBox="1"/>
      </xdr:nvSpPr>
      <xdr:spPr>
        <a:xfrm>
          <a:off x="6737427" y="14841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0" name="正方形/長方形 379">
          <a:extLst>
            <a:ext uri="{FF2B5EF4-FFF2-40B4-BE49-F238E27FC236}">
              <a16:creationId xmlns:a16="http://schemas.microsoft.com/office/drawing/2014/main" id="{DAC630B3-BBCE-442A-827D-462662CF883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1" name="正方形/長方形 380">
          <a:extLst>
            <a:ext uri="{FF2B5EF4-FFF2-40B4-BE49-F238E27FC236}">
              <a16:creationId xmlns:a16="http://schemas.microsoft.com/office/drawing/2014/main" id="{972DE7A5-5D13-4147-8D23-CE8423AEF2D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2" name="正方形/長方形 381">
          <a:extLst>
            <a:ext uri="{FF2B5EF4-FFF2-40B4-BE49-F238E27FC236}">
              <a16:creationId xmlns:a16="http://schemas.microsoft.com/office/drawing/2014/main" id="{DF2E1BE8-B3C1-4F03-BB85-9B7574B26D2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3" name="正方形/長方形 382">
          <a:extLst>
            <a:ext uri="{FF2B5EF4-FFF2-40B4-BE49-F238E27FC236}">
              <a16:creationId xmlns:a16="http://schemas.microsoft.com/office/drawing/2014/main" id="{9FEB8056-4B5F-4F87-879F-63FDF264402E}"/>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4" name="正方形/長方形 383">
          <a:extLst>
            <a:ext uri="{FF2B5EF4-FFF2-40B4-BE49-F238E27FC236}">
              <a16:creationId xmlns:a16="http://schemas.microsoft.com/office/drawing/2014/main" id="{316B00A7-1543-4E0F-A7C5-FAB0647EA9FD}"/>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5" name="正方形/長方形 384">
          <a:extLst>
            <a:ext uri="{FF2B5EF4-FFF2-40B4-BE49-F238E27FC236}">
              <a16:creationId xmlns:a16="http://schemas.microsoft.com/office/drawing/2014/main" id="{97AF3C52-B00B-4A06-BF20-753B04B1AB6E}"/>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6" name="正方形/長方形 385">
          <a:extLst>
            <a:ext uri="{FF2B5EF4-FFF2-40B4-BE49-F238E27FC236}">
              <a16:creationId xmlns:a16="http://schemas.microsoft.com/office/drawing/2014/main" id="{E691B832-CDCD-4B25-B957-491FC0D88F99}"/>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7" name="正方形/長方形 386">
          <a:extLst>
            <a:ext uri="{FF2B5EF4-FFF2-40B4-BE49-F238E27FC236}">
              <a16:creationId xmlns:a16="http://schemas.microsoft.com/office/drawing/2014/main" id="{41FC39CF-A3D6-4DC2-8E2B-2BC875576CDE}"/>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8" name="テキスト ボックス 387">
          <a:extLst>
            <a:ext uri="{FF2B5EF4-FFF2-40B4-BE49-F238E27FC236}">
              <a16:creationId xmlns:a16="http://schemas.microsoft.com/office/drawing/2014/main" id="{C4C04B22-B4B8-4065-B73B-4E2708976DDA}"/>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9" name="直線コネクタ 388">
          <a:extLst>
            <a:ext uri="{FF2B5EF4-FFF2-40B4-BE49-F238E27FC236}">
              <a16:creationId xmlns:a16="http://schemas.microsoft.com/office/drawing/2014/main" id="{AF970F8F-8600-4AA9-85BB-F540EE069DDF}"/>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0" name="テキスト ボックス 389">
          <a:extLst>
            <a:ext uri="{FF2B5EF4-FFF2-40B4-BE49-F238E27FC236}">
              <a16:creationId xmlns:a16="http://schemas.microsoft.com/office/drawing/2014/main" id="{DD80BF67-33C7-4CE3-BC51-5507B9BD1680}"/>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1" name="直線コネクタ 390">
          <a:extLst>
            <a:ext uri="{FF2B5EF4-FFF2-40B4-BE49-F238E27FC236}">
              <a16:creationId xmlns:a16="http://schemas.microsoft.com/office/drawing/2014/main" id="{1E0DF3DB-C482-44EE-8807-E1442CF4956C}"/>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2" name="テキスト ボックス 391">
          <a:extLst>
            <a:ext uri="{FF2B5EF4-FFF2-40B4-BE49-F238E27FC236}">
              <a16:creationId xmlns:a16="http://schemas.microsoft.com/office/drawing/2014/main" id="{AECDEE08-5889-4713-AC72-66C591B07BBD}"/>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3" name="直線コネクタ 392">
          <a:extLst>
            <a:ext uri="{FF2B5EF4-FFF2-40B4-BE49-F238E27FC236}">
              <a16:creationId xmlns:a16="http://schemas.microsoft.com/office/drawing/2014/main" id="{F026A27C-929C-4535-8EC2-D0693C3EF137}"/>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4" name="テキスト ボックス 393">
          <a:extLst>
            <a:ext uri="{FF2B5EF4-FFF2-40B4-BE49-F238E27FC236}">
              <a16:creationId xmlns:a16="http://schemas.microsoft.com/office/drawing/2014/main" id="{12649284-DB3F-48C9-806E-2A420CCEEA33}"/>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5" name="直線コネクタ 394">
          <a:extLst>
            <a:ext uri="{FF2B5EF4-FFF2-40B4-BE49-F238E27FC236}">
              <a16:creationId xmlns:a16="http://schemas.microsoft.com/office/drawing/2014/main" id="{158EB42F-EF8F-418C-AAE6-26CAF1F07AB4}"/>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6" name="テキスト ボックス 395">
          <a:extLst>
            <a:ext uri="{FF2B5EF4-FFF2-40B4-BE49-F238E27FC236}">
              <a16:creationId xmlns:a16="http://schemas.microsoft.com/office/drawing/2014/main" id="{A561466B-58F5-4E3F-BA40-E772639C84D3}"/>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7" name="直線コネクタ 396">
          <a:extLst>
            <a:ext uri="{FF2B5EF4-FFF2-40B4-BE49-F238E27FC236}">
              <a16:creationId xmlns:a16="http://schemas.microsoft.com/office/drawing/2014/main" id="{C6279D4E-D468-451F-ABD3-6C319B15D565}"/>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8" name="テキスト ボックス 397">
          <a:extLst>
            <a:ext uri="{FF2B5EF4-FFF2-40B4-BE49-F238E27FC236}">
              <a16:creationId xmlns:a16="http://schemas.microsoft.com/office/drawing/2014/main" id="{45BE5259-2A3E-4C73-BD47-29FB3F42FAEA}"/>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9" name="直線コネクタ 398">
          <a:extLst>
            <a:ext uri="{FF2B5EF4-FFF2-40B4-BE49-F238E27FC236}">
              <a16:creationId xmlns:a16="http://schemas.microsoft.com/office/drawing/2014/main" id="{FFC20CC0-A710-4CD6-A4C9-152BD04F9DFB}"/>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400" name="テキスト ボックス 399">
          <a:extLst>
            <a:ext uri="{FF2B5EF4-FFF2-40B4-BE49-F238E27FC236}">
              <a16:creationId xmlns:a16="http://schemas.microsoft.com/office/drawing/2014/main" id="{95F889DF-2E76-47F5-BB44-4F5B0C23564F}"/>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1" name="直線コネクタ 400">
          <a:extLst>
            <a:ext uri="{FF2B5EF4-FFF2-40B4-BE49-F238E27FC236}">
              <a16:creationId xmlns:a16="http://schemas.microsoft.com/office/drawing/2014/main" id="{4D0808A7-30CD-4779-915B-8C7DB4E04859}"/>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2" name="テキスト ボックス 401">
          <a:extLst>
            <a:ext uri="{FF2B5EF4-FFF2-40B4-BE49-F238E27FC236}">
              <a16:creationId xmlns:a16="http://schemas.microsoft.com/office/drawing/2014/main" id="{2C4D631C-5E60-4D0E-B450-58D4B58355E1}"/>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3" name="直線コネクタ 402">
          <a:extLst>
            <a:ext uri="{FF2B5EF4-FFF2-40B4-BE49-F238E27FC236}">
              <a16:creationId xmlns:a16="http://schemas.microsoft.com/office/drawing/2014/main" id="{EFD03424-3B2E-44F8-94B8-574B6AAC1603}"/>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4" name="【港湾・漁港】&#10;有形固定資産減価償却率グラフ枠">
          <a:extLst>
            <a:ext uri="{FF2B5EF4-FFF2-40B4-BE49-F238E27FC236}">
              <a16:creationId xmlns:a16="http://schemas.microsoft.com/office/drawing/2014/main" id="{3F578A17-9C8C-46BC-88D1-9982E7F6323D}"/>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43543</xdr:rowOff>
    </xdr:from>
    <xdr:to>
      <xdr:col>24</xdr:col>
      <xdr:colOff>62865</xdr:colOff>
      <xdr:row>108</xdr:row>
      <xdr:rowOff>90895</xdr:rowOff>
    </xdr:to>
    <xdr:cxnSp macro="">
      <xdr:nvCxnSpPr>
        <xdr:cNvPr id="405" name="直線コネクタ 404">
          <a:extLst>
            <a:ext uri="{FF2B5EF4-FFF2-40B4-BE49-F238E27FC236}">
              <a16:creationId xmlns:a16="http://schemas.microsoft.com/office/drawing/2014/main" id="{FBE40EBF-5E96-44DE-8ED2-14A81C98E2EE}"/>
            </a:ext>
          </a:extLst>
        </xdr:cNvPr>
        <xdr:cNvCxnSpPr/>
      </xdr:nvCxnSpPr>
      <xdr:spPr>
        <a:xfrm flipV="1">
          <a:off x="4634865" y="17188543"/>
          <a:ext cx="0" cy="14189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4722</xdr:rowOff>
    </xdr:from>
    <xdr:ext cx="405111" cy="259045"/>
    <xdr:sp macro="" textlink="">
      <xdr:nvSpPr>
        <xdr:cNvPr id="406" name="【港湾・漁港】&#10;有形固定資産減価償却率最小値テキスト">
          <a:extLst>
            <a:ext uri="{FF2B5EF4-FFF2-40B4-BE49-F238E27FC236}">
              <a16:creationId xmlns:a16="http://schemas.microsoft.com/office/drawing/2014/main" id="{D1E6AD71-FDF6-49A8-8E96-099DA5FAB249}"/>
            </a:ext>
          </a:extLst>
        </xdr:cNvPr>
        <xdr:cNvSpPr txBox="1"/>
      </xdr:nvSpPr>
      <xdr:spPr>
        <a:xfrm>
          <a:off x="4673600" y="18611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90895</xdr:rowOff>
    </xdr:from>
    <xdr:to>
      <xdr:col>24</xdr:col>
      <xdr:colOff>152400</xdr:colOff>
      <xdr:row>108</xdr:row>
      <xdr:rowOff>90895</xdr:rowOff>
    </xdr:to>
    <xdr:cxnSp macro="">
      <xdr:nvCxnSpPr>
        <xdr:cNvPr id="407" name="直線コネクタ 406">
          <a:extLst>
            <a:ext uri="{FF2B5EF4-FFF2-40B4-BE49-F238E27FC236}">
              <a16:creationId xmlns:a16="http://schemas.microsoft.com/office/drawing/2014/main" id="{2CFD3A19-4C68-49B3-B2D2-0C0F1FE7AA1D}"/>
            </a:ext>
          </a:extLst>
        </xdr:cNvPr>
        <xdr:cNvCxnSpPr/>
      </xdr:nvCxnSpPr>
      <xdr:spPr>
        <a:xfrm>
          <a:off x="4546600" y="18607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61670</xdr:rowOff>
    </xdr:from>
    <xdr:ext cx="340478" cy="259045"/>
    <xdr:sp macro="" textlink="">
      <xdr:nvSpPr>
        <xdr:cNvPr id="408" name="【港湾・漁港】&#10;有形固定資産減価償却率最大値テキスト">
          <a:extLst>
            <a:ext uri="{FF2B5EF4-FFF2-40B4-BE49-F238E27FC236}">
              <a16:creationId xmlns:a16="http://schemas.microsoft.com/office/drawing/2014/main" id="{ACCD4A07-4318-4734-82B1-C807C6E07ECC}"/>
            </a:ext>
          </a:extLst>
        </xdr:cNvPr>
        <xdr:cNvSpPr txBox="1"/>
      </xdr:nvSpPr>
      <xdr:spPr>
        <a:xfrm>
          <a:off x="4673600" y="169637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43543</xdr:rowOff>
    </xdr:from>
    <xdr:to>
      <xdr:col>24</xdr:col>
      <xdr:colOff>152400</xdr:colOff>
      <xdr:row>100</xdr:row>
      <xdr:rowOff>43543</xdr:rowOff>
    </xdr:to>
    <xdr:cxnSp macro="">
      <xdr:nvCxnSpPr>
        <xdr:cNvPr id="409" name="直線コネクタ 408">
          <a:extLst>
            <a:ext uri="{FF2B5EF4-FFF2-40B4-BE49-F238E27FC236}">
              <a16:creationId xmlns:a16="http://schemas.microsoft.com/office/drawing/2014/main" id="{F2140883-43FD-4D0B-A0D6-31A79EEFAE54}"/>
            </a:ext>
          </a:extLst>
        </xdr:cNvPr>
        <xdr:cNvCxnSpPr/>
      </xdr:nvCxnSpPr>
      <xdr:spPr>
        <a:xfrm>
          <a:off x="4546600" y="1718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06697</xdr:rowOff>
    </xdr:from>
    <xdr:ext cx="405111" cy="259045"/>
    <xdr:sp macro="" textlink="">
      <xdr:nvSpPr>
        <xdr:cNvPr id="410" name="【港湾・漁港】&#10;有形固定資産減価償却率平均値テキスト">
          <a:extLst>
            <a:ext uri="{FF2B5EF4-FFF2-40B4-BE49-F238E27FC236}">
              <a16:creationId xmlns:a16="http://schemas.microsoft.com/office/drawing/2014/main" id="{694C565B-7439-480E-83A8-9F3535AC40A4}"/>
            </a:ext>
          </a:extLst>
        </xdr:cNvPr>
        <xdr:cNvSpPr txBox="1"/>
      </xdr:nvSpPr>
      <xdr:spPr>
        <a:xfrm>
          <a:off x="4673600" y="179374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28270</xdr:rowOff>
    </xdr:from>
    <xdr:to>
      <xdr:col>24</xdr:col>
      <xdr:colOff>114300</xdr:colOff>
      <xdr:row>105</xdr:row>
      <xdr:rowOff>58420</xdr:rowOff>
    </xdr:to>
    <xdr:sp macro="" textlink="">
      <xdr:nvSpPr>
        <xdr:cNvPr id="411" name="フローチャート: 判断 410">
          <a:extLst>
            <a:ext uri="{FF2B5EF4-FFF2-40B4-BE49-F238E27FC236}">
              <a16:creationId xmlns:a16="http://schemas.microsoft.com/office/drawing/2014/main" id="{80DF446E-5D9F-45C4-8D37-329D71F784DE}"/>
            </a:ext>
          </a:extLst>
        </xdr:cNvPr>
        <xdr:cNvSpPr/>
      </xdr:nvSpPr>
      <xdr:spPr>
        <a:xfrm>
          <a:off x="4584700" y="1795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20501</xdr:rowOff>
    </xdr:from>
    <xdr:to>
      <xdr:col>20</xdr:col>
      <xdr:colOff>38100</xdr:colOff>
      <xdr:row>104</xdr:row>
      <xdr:rowOff>122101</xdr:rowOff>
    </xdr:to>
    <xdr:sp macro="" textlink="">
      <xdr:nvSpPr>
        <xdr:cNvPr id="412" name="フローチャート: 判断 411">
          <a:extLst>
            <a:ext uri="{FF2B5EF4-FFF2-40B4-BE49-F238E27FC236}">
              <a16:creationId xmlns:a16="http://schemas.microsoft.com/office/drawing/2014/main" id="{1804C943-C390-43BD-BC54-FE0A8CE5A828}"/>
            </a:ext>
          </a:extLst>
        </xdr:cNvPr>
        <xdr:cNvSpPr/>
      </xdr:nvSpPr>
      <xdr:spPr>
        <a:xfrm>
          <a:off x="3746500" y="17851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65826</xdr:rowOff>
    </xdr:from>
    <xdr:to>
      <xdr:col>15</xdr:col>
      <xdr:colOff>101600</xdr:colOff>
      <xdr:row>104</xdr:row>
      <xdr:rowOff>95976</xdr:rowOff>
    </xdr:to>
    <xdr:sp macro="" textlink="">
      <xdr:nvSpPr>
        <xdr:cNvPr id="413" name="フローチャート: 判断 412">
          <a:extLst>
            <a:ext uri="{FF2B5EF4-FFF2-40B4-BE49-F238E27FC236}">
              <a16:creationId xmlns:a16="http://schemas.microsoft.com/office/drawing/2014/main" id="{892E9313-0D30-42F9-B59E-F65476D3180C}"/>
            </a:ext>
          </a:extLst>
        </xdr:cNvPr>
        <xdr:cNvSpPr/>
      </xdr:nvSpPr>
      <xdr:spPr>
        <a:xfrm>
          <a:off x="2857500" y="17825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97245</xdr:rowOff>
    </xdr:from>
    <xdr:to>
      <xdr:col>10</xdr:col>
      <xdr:colOff>165100</xdr:colOff>
      <xdr:row>105</xdr:row>
      <xdr:rowOff>27395</xdr:rowOff>
    </xdr:to>
    <xdr:sp macro="" textlink="">
      <xdr:nvSpPr>
        <xdr:cNvPr id="414" name="フローチャート: 判断 413">
          <a:extLst>
            <a:ext uri="{FF2B5EF4-FFF2-40B4-BE49-F238E27FC236}">
              <a16:creationId xmlns:a16="http://schemas.microsoft.com/office/drawing/2014/main" id="{7BC12F4F-4526-4D4B-B9C6-94BD42A48F40}"/>
            </a:ext>
          </a:extLst>
        </xdr:cNvPr>
        <xdr:cNvSpPr/>
      </xdr:nvSpPr>
      <xdr:spPr>
        <a:xfrm>
          <a:off x="19685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84182</xdr:rowOff>
    </xdr:from>
    <xdr:to>
      <xdr:col>6</xdr:col>
      <xdr:colOff>38100</xdr:colOff>
      <xdr:row>105</xdr:row>
      <xdr:rowOff>14332</xdr:rowOff>
    </xdr:to>
    <xdr:sp macro="" textlink="">
      <xdr:nvSpPr>
        <xdr:cNvPr id="415" name="フローチャート: 判断 414">
          <a:extLst>
            <a:ext uri="{FF2B5EF4-FFF2-40B4-BE49-F238E27FC236}">
              <a16:creationId xmlns:a16="http://schemas.microsoft.com/office/drawing/2014/main" id="{C42B693B-D8FD-4D39-B50B-D947C2DCBA75}"/>
            </a:ext>
          </a:extLst>
        </xdr:cNvPr>
        <xdr:cNvSpPr/>
      </xdr:nvSpPr>
      <xdr:spPr>
        <a:xfrm>
          <a:off x="1079500" y="1791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id="{47771FD1-E63F-43AE-BA11-6228E6B87426}"/>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id="{876A2BAE-F396-4AE6-B2CB-0900AEC16E0C}"/>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C26E4A99-E5DD-46D1-9EA0-F3263EC54E92}"/>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38F376D9-67B7-4836-BE46-57F7BFEC9B9E}"/>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0" name="テキスト ボックス 419">
          <a:extLst>
            <a:ext uri="{FF2B5EF4-FFF2-40B4-BE49-F238E27FC236}">
              <a16:creationId xmlns:a16="http://schemas.microsoft.com/office/drawing/2014/main" id="{E35021D4-83B7-4C8C-A193-96E3A79508D4}"/>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9071</xdr:rowOff>
    </xdr:from>
    <xdr:to>
      <xdr:col>24</xdr:col>
      <xdr:colOff>114300</xdr:colOff>
      <xdr:row>102</xdr:row>
      <xdr:rowOff>110671</xdr:rowOff>
    </xdr:to>
    <xdr:sp macro="" textlink="">
      <xdr:nvSpPr>
        <xdr:cNvPr id="421" name="楕円 420">
          <a:extLst>
            <a:ext uri="{FF2B5EF4-FFF2-40B4-BE49-F238E27FC236}">
              <a16:creationId xmlns:a16="http://schemas.microsoft.com/office/drawing/2014/main" id="{829777EB-9F40-43FD-B848-E8677ABCAF1A}"/>
            </a:ext>
          </a:extLst>
        </xdr:cNvPr>
        <xdr:cNvSpPr/>
      </xdr:nvSpPr>
      <xdr:spPr>
        <a:xfrm>
          <a:off x="4584700" y="17496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31948</xdr:rowOff>
    </xdr:from>
    <xdr:ext cx="405111" cy="259045"/>
    <xdr:sp macro="" textlink="">
      <xdr:nvSpPr>
        <xdr:cNvPr id="422" name="【港湾・漁港】&#10;有形固定資産減価償却率該当値テキスト">
          <a:extLst>
            <a:ext uri="{FF2B5EF4-FFF2-40B4-BE49-F238E27FC236}">
              <a16:creationId xmlns:a16="http://schemas.microsoft.com/office/drawing/2014/main" id="{2DC486F5-929F-4A8C-9FD4-968BFC116C0A}"/>
            </a:ext>
          </a:extLst>
        </xdr:cNvPr>
        <xdr:cNvSpPr txBox="1"/>
      </xdr:nvSpPr>
      <xdr:spPr>
        <a:xfrm>
          <a:off x="4673600" y="173483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1</xdr:row>
      <xdr:rowOff>147864</xdr:rowOff>
    </xdr:from>
    <xdr:to>
      <xdr:col>20</xdr:col>
      <xdr:colOff>38100</xdr:colOff>
      <xdr:row>102</xdr:row>
      <xdr:rowOff>78014</xdr:rowOff>
    </xdr:to>
    <xdr:sp macro="" textlink="">
      <xdr:nvSpPr>
        <xdr:cNvPr id="423" name="楕円 422">
          <a:extLst>
            <a:ext uri="{FF2B5EF4-FFF2-40B4-BE49-F238E27FC236}">
              <a16:creationId xmlns:a16="http://schemas.microsoft.com/office/drawing/2014/main" id="{CAEBDC2B-4017-45C7-8868-9330945F90C6}"/>
            </a:ext>
          </a:extLst>
        </xdr:cNvPr>
        <xdr:cNvSpPr/>
      </xdr:nvSpPr>
      <xdr:spPr>
        <a:xfrm>
          <a:off x="3746500" y="1746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27214</xdr:rowOff>
    </xdr:from>
    <xdr:to>
      <xdr:col>24</xdr:col>
      <xdr:colOff>63500</xdr:colOff>
      <xdr:row>102</xdr:row>
      <xdr:rowOff>59871</xdr:rowOff>
    </xdr:to>
    <xdr:cxnSp macro="">
      <xdr:nvCxnSpPr>
        <xdr:cNvPr id="424" name="直線コネクタ 423">
          <a:extLst>
            <a:ext uri="{FF2B5EF4-FFF2-40B4-BE49-F238E27FC236}">
              <a16:creationId xmlns:a16="http://schemas.microsoft.com/office/drawing/2014/main" id="{4DBAE511-F677-4224-ADBB-B84C4331230F}"/>
            </a:ext>
          </a:extLst>
        </xdr:cNvPr>
        <xdr:cNvCxnSpPr/>
      </xdr:nvCxnSpPr>
      <xdr:spPr>
        <a:xfrm>
          <a:off x="3797300" y="17515114"/>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1</xdr:row>
      <xdr:rowOff>115207</xdr:rowOff>
    </xdr:from>
    <xdr:to>
      <xdr:col>15</xdr:col>
      <xdr:colOff>101600</xdr:colOff>
      <xdr:row>102</xdr:row>
      <xdr:rowOff>45357</xdr:rowOff>
    </xdr:to>
    <xdr:sp macro="" textlink="">
      <xdr:nvSpPr>
        <xdr:cNvPr id="425" name="楕円 424">
          <a:extLst>
            <a:ext uri="{FF2B5EF4-FFF2-40B4-BE49-F238E27FC236}">
              <a16:creationId xmlns:a16="http://schemas.microsoft.com/office/drawing/2014/main" id="{E961E47F-215D-498E-9618-DCD2DCCF5B06}"/>
            </a:ext>
          </a:extLst>
        </xdr:cNvPr>
        <xdr:cNvSpPr/>
      </xdr:nvSpPr>
      <xdr:spPr>
        <a:xfrm>
          <a:off x="2857500" y="1743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1</xdr:row>
      <xdr:rowOff>166007</xdr:rowOff>
    </xdr:from>
    <xdr:to>
      <xdr:col>19</xdr:col>
      <xdr:colOff>177800</xdr:colOff>
      <xdr:row>102</xdr:row>
      <xdr:rowOff>27214</xdr:rowOff>
    </xdr:to>
    <xdr:cxnSp macro="">
      <xdr:nvCxnSpPr>
        <xdr:cNvPr id="426" name="直線コネクタ 425">
          <a:extLst>
            <a:ext uri="{FF2B5EF4-FFF2-40B4-BE49-F238E27FC236}">
              <a16:creationId xmlns:a16="http://schemas.microsoft.com/office/drawing/2014/main" id="{06BA1402-CE47-4DFE-8E0D-7DFA5B59CD85}"/>
            </a:ext>
          </a:extLst>
        </xdr:cNvPr>
        <xdr:cNvCxnSpPr/>
      </xdr:nvCxnSpPr>
      <xdr:spPr>
        <a:xfrm>
          <a:off x="2908300" y="1748245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82550</xdr:rowOff>
    </xdr:from>
    <xdr:to>
      <xdr:col>10</xdr:col>
      <xdr:colOff>165100</xdr:colOff>
      <xdr:row>102</xdr:row>
      <xdr:rowOff>12700</xdr:rowOff>
    </xdr:to>
    <xdr:sp macro="" textlink="">
      <xdr:nvSpPr>
        <xdr:cNvPr id="427" name="楕円 426">
          <a:extLst>
            <a:ext uri="{FF2B5EF4-FFF2-40B4-BE49-F238E27FC236}">
              <a16:creationId xmlns:a16="http://schemas.microsoft.com/office/drawing/2014/main" id="{AB1F275C-AA45-49A7-9E5C-9B41A89B78F2}"/>
            </a:ext>
          </a:extLst>
        </xdr:cNvPr>
        <xdr:cNvSpPr/>
      </xdr:nvSpPr>
      <xdr:spPr>
        <a:xfrm>
          <a:off x="1968500" y="1739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1</xdr:row>
      <xdr:rowOff>133350</xdr:rowOff>
    </xdr:from>
    <xdr:to>
      <xdr:col>15</xdr:col>
      <xdr:colOff>50800</xdr:colOff>
      <xdr:row>101</xdr:row>
      <xdr:rowOff>166007</xdr:rowOff>
    </xdr:to>
    <xdr:cxnSp macro="">
      <xdr:nvCxnSpPr>
        <xdr:cNvPr id="428" name="直線コネクタ 427">
          <a:extLst>
            <a:ext uri="{FF2B5EF4-FFF2-40B4-BE49-F238E27FC236}">
              <a16:creationId xmlns:a16="http://schemas.microsoft.com/office/drawing/2014/main" id="{789AD55B-1FA7-4D4B-B081-F044B8157E5E}"/>
            </a:ext>
          </a:extLst>
        </xdr:cNvPr>
        <xdr:cNvCxnSpPr/>
      </xdr:nvCxnSpPr>
      <xdr:spPr>
        <a:xfrm>
          <a:off x="2019300" y="174498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1</xdr:row>
      <xdr:rowOff>82550</xdr:rowOff>
    </xdr:from>
    <xdr:to>
      <xdr:col>6</xdr:col>
      <xdr:colOff>38100</xdr:colOff>
      <xdr:row>102</xdr:row>
      <xdr:rowOff>12700</xdr:rowOff>
    </xdr:to>
    <xdr:sp macro="" textlink="">
      <xdr:nvSpPr>
        <xdr:cNvPr id="429" name="楕円 428">
          <a:extLst>
            <a:ext uri="{FF2B5EF4-FFF2-40B4-BE49-F238E27FC236}">
              <a16:creationId xmlns:a16="http://schemas.microsoft.com/office/drawing/2014/main" id="{FE6230DC-4E1E-41EB-9420-245C4D105C6E}"/>
            </a:ext>
          </a:extLst>
        </xdr:cNvPr>
        <xdr:cNvSpPr/>
      </xdr:nvSpPr>
      <xdr:spPr>
        <a:xfrm>
          <a:off x="1079500" y="1739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1</xdr:row>
      <xdr:rowOff>133350</xdr:rowOff>
    </xdr:from>
    <xdr:to>
      <xdr:col>10</xdr:col>
      <xdr:colOff>114300</xdr:colOff>
      <xdr:row>101</xdr:row>
      <xdr:rowOff>133350</xdr:rowOff>
    </xdr:to>
    <xdr:cxnSp macro="">
      <xdr:nvCxnSpPr>
        <xdr:cNvPr id="430" name="直線コネクタ 429">
          <a:extLst>
            <a:ext uri="{FF2B5EF4-FFF2-40B4-BE49-F238E27FC236}">
              <a16:creationId xmlns:a16="http://schemas.microsoft.com/office/drawing/2014/main" id="{EB61C7B2-9A79-4CF4-90FC-FA4B5B3733D2}"/>
            </a:ext>
          </a:extLst>
        </xdr:cNvPr>
        <xdr:cNvCxnSpPr/>
      </xdr:nvCxnSpPr>
      <xdr:spPr>
        <a:xfrm>
          <a:off x="1130300" y="17449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13228</xdr:rowOff>
    </xdr:from>
    <xdr:ext cx="405111" cy="259045"/>
    <xdr:sp macro="" textlink="">
      <xdr:nvSpPr>
        <xdr:cNvPr id="431" name="n_1aveValue【港湾・漁港】&#10;有形固定資産減価償却率">
          <a:extLst>
            <a:ext uri="{FF2B5EF4-FFF2-40B4-BE49-F238E27FC236}">
              <a16:creationId xmlns:a16="http://schemas.microsoft.com/office/drawing/2014/main" id="{D9DAA874-4A95-4AC3-856E-B5570BBDF920}"/>
            </a:ext>
          </a:extLst>
        </xdr:cNvPr>
        <xdr:cNvSpPr txBox="1"/>
      </xdr:nvSpPr>
      <xdr:spPr>
        <a:xfrm>
          <a:off x="3582044" y="179440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87103</xdr:rowOff>
    </xdr:from>
    <xdr:ext cx="405111" cy="259045"/>
    <xdr:sp macro="" textlink="">
      <xdr:nvSpPr>
        <xdr:cNvPr id="432" name="n_2aveValue【港湾・漁港】&#10;有形固定資産減価償却率">
          <a:extLst>
            <a:ext uri="{FF2B5EF4-FFF2-40B4-BE49-F238E27FC236}">
              <a16:creationId xmlns:a16="http://schemas.microsoft.com/office/drawing/2014/main" id="{2F835FA0-E3EB-4695-9D72-2ED7BAFC538A}"/>
            </a:ext>
          </a:extLst>
        </xdr:cNvPr>
        <xdr:cNvSpPr txBox="1"/>
      </xdr:nvSpPr>
      <xdr:spPr>
        <a:xfrm>
          <a:off x="2705744" y="17917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8522</xdr:rowOff>
    </xdr:from>
    <xdr:ext cx="405111" cy="259045"/>
    <xdr:sp macro="" textlink="">
      <xdr:nvSpPr>
        <xdr:cNvPr id="433" name="n_3aveValue【港湾・漁港】&#10;有形固定資産減価償却率">
          <a:extLst>
            <a:ext uri="{FF2B5EF4-FFF2-40B4-BE49-F238E27FC236}">
              <a16:creationId xmlns:a16="http://schemas.microsoft.com/office/drawing/2014/main" id="{D7BC56A7-CCA1-452C-A1D6-F42ECABDC41F}"/>
            </a:ext>
          </a:extLst>
        </xdr:cNvPr>
        <xdr:cNvSpPr txBox="1"/>
      </xdr:nvSpPr>
      <xdr:spPr>
        <a:xfrm>
          <a:off x="1816744" y="1802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5459</xdr:rowOff>
    </xdr:from>
    <xdr:ext cx="405111" cy="259045"/>
    <xdr:sp macro="" textlink="">
      <xdr:nvSpPr>
        <xdr:cNvPr id="434" name="n_4aveValue【港湾・漁港】&#10;有形固定資産減価償却率">
          <a:extLst>
            <a:ext uri="{FF2B5EF4-FFF2-40B4-BE49-F238E27FC236}">
              <a16:creationId xmlns:a16="http://schemas.microsoft.com/office/drawing/2014/main" id="{2E9FE803-A73F-4FC5-A4E9-BA786BDC5F36}"/>
            </a:ext>
          </a:extLst>
        </xdr:cNvPr>
        <xdr:cNvSpPr txBox="1"/>
      </xdr:nvSpPr>
      <xdr:spPr>
        <a:xfrm>
          <a:off x="927744" y="18007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94541</xdr:rowOff>
    </xdr:from>
    <xdr:ext cx="405111" cy="259045"/>
    <xdr:sp macro="" textlink="">
      <xdr:nvSpPr>
        <xdr:cNvPr id="435" name="n_1mainValue【港湾・漁港】&#10;有形固定資産減価償却率">
          <a:extLst>
            <a:ext uri="{FF2B5EF4-FFF2-40B4-BE49-F238E27FC236}">
              <a16:creationId xmlns:a16="http://schemas.microsoft.com/office/drawing/2014/main" id="{770D918E-C375-4B11-9F43-9DF7EAB3A63B}"/>
            </a:ext>
          </a:extLst>
        </xdr:cNvPr>
        <xdr:cNvSpPr txBox="1"/>
      </xdr:nvSpPr>
      <xdr:spPr>
        <a:xfrm>
          <a:off x="3582044" y="17239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61884</xdr:rowOff>
    </xdr:from>
    <xdr:ext cx="405111" cy="259045"/>
    <xdr:sp macro="" textlink="">
      <xdr:nvSpPr>
        <xdr:cNvPr id="436" name="n_2mainValue【港湾・漁港】&#10;有形固定資産減価償却率">
          <a:extLst>
            <a:ext uri="{FF2B5EF4-FFF2-40B4-BE49-F238E27FC236}">
              <a16:creationId xmlns:a16="http://schemas.microsoft.com/office/drawing/2014/main" id="{68AF8ABF-05C8-4160-B125-55E9C297709F}"/>
            </a:ext>
          </a:extLst>
        </xdr:cNvPr>
        <xdr:cNvSpPr txBox="1"/>
      </xdr:nvSpPr>
      <xdr:spPr>
        <a:xfrm>
          <a:off x="2705744" y="17206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29227</xdr:rowOff>
    </xdr:from>
    <xdr:ext cx="405111" cy="259045"/>
    <xdr:sp macro="" textlink="">
      <xdr:nvSpPr>
        <xdr:cNvPr id="437" name="n_3mainValue【港湾・漁港】&#10;有形固定資産減価償却率">
          <a:extLst>
            <a:ext uri="{FF2B5EF4-FFF2-40B4-BE49-F238E27FC236}">
              <a16:creationId xmlns:a16="http://schemas.microsoft.com/office/drawing/2014/main" id="{41A9176A-A59A-43F2-B524-9A119C3E2013}"/>
            </a:ext>
          </a:extLst>
        </xdr:cNvPr>
        <xdr:cNvSpPr txBox="1"/>
      </xdr:nvSpPr>
      <xdr:spPr>
        <a:xfrm>
          <a:off x="1816744" y="1717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0</xdr:row>
      <xdr:rowOff>29227</xdr:rowOff>
    </xdr:from>
    <xdr:ext cx="405111" cy="259045"/>
    <xdr:sp macro="" textlink="">
      <xdr:nvSpPr>
        <xdr:cNvPr id="438" name="n_4mainValue【港湾・漁港】&#10;有形固定資産減価償却率">
          <a:extLst>
            <a:ext uri="{FF2B5EF4-FFF2-40B4-BE49-F238E27FC236}">
              <a16:creationId xmlns:a16="http://schemas.microsoft.com/office/drawing/2014/main" id="{907F4619-AB2A-4EBE-9593-A8BB42432935}"/>
            </a:ext>
          </a:extLst>
        </xdr:cNvPr>
        <xdr:cNvSpPr txBox="1"/>
      </xdr:nvSpPr>
      <xdr:spPr>
        <a:xfrm>
          <a:off x="927744" y="1717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9" name="正方形/長方形 438">
          <a:extLst>
            <a:ext uri="{FF2B5EF4-FFF2-40B4-BE49-F238E27FC236}">
              <a16:creationId xmlns:a16="http://schemas.microsoft.com/office/drawing/2014/main" id="{672AF813-CB13-4BCA-848E-5FA69DFD2D63}"/>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0" name="正方形/長方形 439">
          <a:extLst>
            <a:ext uri="{FF2B5EF4-FFF2-40B4-BE49-F238E27FC236}">
              <a16:creationId xmlns:a16="http://schemas.microsoft.com/office/drawing/2014/main" id="{DF523E58-D54A-46F8-B750-3C24A3B830AA}"/>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1" name="正方形/長方形 440">
          <a:extLst>
            <a:ext uri="{FF2B5EF4-FFF2-40B4-BE49-F238E27FC236}">
              <a16:creationId xmlns:a16="http://schemas.microsoft.com/office/drawing/2014/main" id="{6FDD64B4-109D-4269-8FCB-9E79789CFF1E}"/>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2" name="正方形/長方形 441">
          <a:extLst>
            <a:ext uri="{FF2B5EF4-FFF2-40B4-BE49-F238E27FC236}">
              <a16:creationId xmlns:a16="http://schemas.microsoft.com/office/drawing/2014/main" id="{CE274FD5-884D-4BA7-92CC-4A1072F14163}"/>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3" name="正方形/長方形 442">
          <a:extLst>
            <a:ext uri="{FF2B5EF4-FFF2-40B4-BE49-F238E27FC236}">
              <a16:creationId xmlns:a16="http://schemas.microsoft.com/office/drawing/2014/main" id="{444CF782-F8C9-4632-8900-2354D5CA4B4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4" name="正方形/長方形 443">
          <a:extLst>
            <a:ext uri="{FF2B5EF4-FFF2-40B4-BE49-F238E27FC236}">
              <a16:creationId xmlns:a16="http://schemas.microsoft.com/office/drawing/2014/main" id="{AA023349-95DD-4C2A-BBD4-2ADBC318876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5" name="正方形/長方形 444">
          <a:extLst>
            <a:ext uri="{FF2B5EF4-FFF2-40B4-BE49-F238E27FC236}">
              <a16:creationId xmlns:a16="http://schemas.microsoft.com/office/drawing/2014/main" id="{A7A537B2-2A2B-4DF1-A7CF-AFEDF6B02BE6}"/>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6" name="正方形/長方形 445">
          <a:extLst>
            <a:ext uri="{FF2B5EF4-FFF2-40B4-BE49-F238E27FC236}">
              <a16:creationId xmlns:a16="http://schemas.microsoft.com/office/drawing/2014/main" id="{54F4BAFE-5019-4FB7-8335-72BFE2ABFDE6}"/>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7" name="テキスト ボックス 446">
          <a:extLst>
            <a:ext uri="{FF2B5EF4-FFF2-40B4-BE49-F238E27FC236}">
              <a16:creationId xmlns:a16="http://schemas.microsoft.com/office/drawing/2014/main" id="{E02A8370-AE55-4D0B-B8D0-93052E82CFE3}"/>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8" name="直線コネクタ 447">
          <a:extLst>
            <a:ext uri="{FF2B5EF4-FFF2-40B4-BE49-F238E27FC236}">
              <a16:creationId xmlns:a16="http://schemas.microsoft.com/office/drawing/2014/main" id="{A8F3E961-0679-454D-9881-BB89539A98C2}"/>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9" name="直線コネクタ 448">
          <a:extLst>
            <a:ext uri="{FF2B5EF4-FFF2-40B4-BE49-F238E27FC236}">
              <a16:creationId xmlns:a16="http://schemas.microsoft.com/office/drawing/2014/main" id="{D38728A4-DD42-4A65-AE76-692898FD5519}"/>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50" name="テキスト ボックス 449">
          <a:extLst>
            <a:ext uri="{FF2B5EF4-FFF2-40B4-BE49-F238E27FC236}">
              <a16:creationId xmlns:a16="http://schemas.microsoft.com/office/drawing/2014/main" id="{5528013E-F516-4DD8-A634-8BEE7E11363E}"/>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1" name="直線コネクタ 450">
          <a:extLst>
            <a:ext uri="{FF2B5EF4-FFF2-40B4-BE49-F238E27FC236}">
              <a16:creationId xmlns:a16="http://schemas.microsoft.com/office/drawing/2014/main" id="{E9013944-5624-4A1C-BA1D-A182AAEE5BAA}"/>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5</xdr:row>
      <xdr:rowOff>143527</xdr:rowOff>
    </xdr:from>
    <xdr:ext cx="685572" cy="259045"/>
    <xdr:sp macro="" textlink="">
      <xdr:nvSpPr>
        <xdr:cNvPr id="452" name="テキスト ボックス 451">
          <a:extLst>
            <a:ext uri="{FF2B5EF4-FFF2-40B4-BE49-F238E27FC236}">
              <a16:creationId xmlns:a16="http://schemas.microsoft.com/office/drawing/2014/main" id="{17E32C06-B678-4861-A02F-7C9BED313CC0}"/>
            </a:ext>
          </a:extLst>
        </xdr:cNvPr>
        <xdr:cNvSpPr txBox="1"/>
      </xdr:nvSpPr>
      <xdr:spPr>
        <a:xfrm>
          <a:off x="5918428" y="1814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3" name="直線コネクタ 452">
          <a:extLst>
            <a:ext uri="{FF2B5EF4-FFF2-40B4-BE49-F238E27FC236}">
              <a16:creationId xmlns:a16="http://schemas.microsoft.com/office/drawing/2014/main" id="{03D2834F-3AF5-46E8-B01C-C49104CBDD3A}"/>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3</xdr:row>
      <xdr:rowOff>105427</xdr:rowOff>
    </xdr:from>
    <xdr:ext cx="685572" cy="259045"/>
    <xdr:sp macro="" textlink="">
      <xdr:nvSpPr>
        <xdr:cNvPr id="454" name="テキスト ボックス 453">
          <a:extLst>
            <a:ext uri="{FF2B5EF4-FFF2-40B4-BE49-F238E27FC236}">
              <a16:creationId xmlns:a16="http://schemas.microsoft.com/office/drawing/2014/main" id="{4C605144-8009-4C93-BA3A-4C64EFB11723}"/>
            </a:ext>
          </a:extLst>
        </xdr:cNvPr>
        <xdr:cNvSpPr txBox="1"/>
      </xdr:nvSpPr>
      <xdr:spPr>
        <a:xfrm>
          <a:off x="5918428" y="1776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5" name="直線コネクタ 454">
          <a:extLst>
            <a:ext uri="{FF2B5EF4-FFF2-40B4-BE49-F238E27FC236}">
              <a16:creationId xmlns:a16="http://schemas.microsoft.com/office/drawing/2014/main" id="{5BF1211E-46BA-443E-AE8A-CBC40B139BEF}"/>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1</xdr:row>
      <xdr:rowOff>67327</xdr:rowOff>
    </xdr:from>
    <xdr:ext cx="685572" cy="259045"/>
    <xdr:sp macro="" textlink="">
      <xdr:nvSpPr>
        <xdr:cNvPr id="456" name="テキスト ボックス 455">
          <a:extLst>
            <a:ext uri="{FF2B5EF4-FFF2-40B4-BE49-F238E27FC236}">
              <a16:creationId xmlns:a16="http://schemas.microsoft.com/office/drawing/2014/main" id="{8380EBD9-E9C7-4598-97B0-3D9900D17DF6}"/>
            </a:ext>
          </a:extLst>
        </xdr:cNvPr>
        <xdr:cNvSpPr txBox="1"/>
      </xdr:nvSpPr>
      <xdr:spPr>
        <a:xfrm>
          <a:off x="5918428" y="173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7" name="直線コネクタ 456">
          <a:extLst>
            <a:ext uri="{FF2B5EF4-FFF2-40B4-BE49-F238E27FC236}">
              <a16:creationId xmlns:a16="http://schemas.microsoft.com/office/drawing/2014/main" id="{F9BDA944-7B97-4BAD-B361-E6F4D6B2B4F5}"/>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9</xdr:row>
      <xdr:rowOff>29227</xdr:rowOff>
    </xdr:from>
    <xdr:ext cx="685572" cy="259045"/>
    <xdr:sp macro="" textlink="">
      <xdr:nvSpPr>
        <xdr:cNvPr id="458" name="テキスト ボックス 457">
          <a:extLst>
            <a:ext uri="{FF2B5EF4-FFF2-40B4-BE49-F238E27FC236}">
              <a16:creationId xmlns:a16="http://schemas.microsoft.com/office/drawing/2014/main" id="{F2CCBC12-1C5D-43F6-A0B8-8B9E4DE2F7EE}"/>
            </a:ext>
          </a:extLst>
        </xdr:cNvPr>
        <xdr:cNvSpPr txBox="1"/>
      </xdr:nvSpPr>
      <xdr:spPr>
        <a:xfrm>
          <a:off x="5918428" y="1700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9" name="直線コネクタ 458">
          <a:extLst>
            <a:ext uri="{FF2B5EF4-FFF2-40B4-BE49-F238E27FC236}">
              <a16:creationId xmlns:a16="http://schemas.microsoft.com/office/drawing/2014/main" id="{D52DCB97-B1D2-461E-AF30-AB65238D4105}"/>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6</xdr:row>
      <xdr:rowOff>162577</xdr:rowOff>
    </xdr:from>
    <xdr:ext cx="685572" cy="259045"/>
    <xdr:sp macro="" textlink="">
      <xdr:nvSpPr>
        <xdr:cNvPr id="460" name="テキスト ボックス 459">
          <a:extLst>
            <a:ext uri="{FF2B5EF4-FFF2-40B4-BE49-F238E27FC236}">
              <a16:creationId xmlns:a16="http://schemas.microsoft.com/office/drawing/2014/main" id="{C71E5DFB-1E4A-4117-B163-750DF22B8BBE}"/>
            </a:ext>
          </a:extLst>
        </xdr:cNvPr>
        <xdr:cNvSpPr txBox="1"/>
      </xdr:nvSpPr>
      <xdr:spPr>
        <a:xfrm>
          <a:off x="5918428" y="1662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1" name="【港湾・漁港】&#10;一人当たり有形固定資産（償却資産）額グラフ枠">
          <a:extLst>
            <a:ext uri="{FF2B5EF4-FFF2-40B4-BE49-F238E27FC236}">
              <a16:creationId xmlns:a16="http://schemas.microsoft.com/office/drawing/2014/main" id="{60C70CA5-6278-4996-8EA4-36C3D9F9E57D}"/>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6086</xdr:rowOff>
    </xdr:from>
    <xdr:to>
      <xdr:col>54</xdr:col>
      <xdr:colOff>189865</xdr:colOff>
      <xdr:row>108</xdr:row>
      <xdr:rowOff>151197</xdr:rowOff>
    </xdr:to>
    <xdr:cxnSp macro="">
      <xdr:nvCxnSpPr>
        <xdr:cNvPr id="462" name="直線コネクタ 461">
          <a:extLst>
            <a:ext uri="{FF2B5EF4-FFF2-40B4-BE49-F238E27FC236}">
              <a16:creationId xmlns:a16="http://schemas.microsoft.com/office/drawing/2014/main" id="{700AC015-A7AC-4FEA-8138-C14BC3F95A22}"/>
            </a:ext>
          </a:extLst>
        </xdr:cNvPr>
        <xdr:cNvCxnSpPr/>
      </xdr:nvCxnSpPr>
      <xdr:spPr>
        <a:xfrm flipV="1">
          <a:off x="10476865" y="17402536"/>
          <a:ext cx="0" cy="1265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55024</xdr:rowOff>
    </xdr:from>
    <xdr:ext cx="469744" cy="259045"/>
    <xdr:sp macro="" textlink="">
      <xdr:nvSpPr>
        <xdr:cNvPr id="463" name="【港湾・漁港】&#10;一人当たり有形固定資産（償却資産）額最小値テキスト">
          <a:extLst>
            <a:ext uri="{FF2B5EF4-FFF2-40B4-BE49-F238E27FC236}">
              <a16:creationId xmlns:a16="http://schemas.microsoft.com/office/drawing/2014/main" id="{9B3F05C0-F6B9-4DD9-8DB5-BE1B404B2DF5}"/>
            </a:ext>
          </a:extLst>
        </xdr:cNvPr>
        <xdr:cNvSpPr txBox="1"/>
      </xdr:nvSpPr>
      <xdr:spPr>
        <a:xfrm>
          <a:off x="10515600" y="186716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51197</xdr:rowOff>
    </xdr:from>
    <xdr:to>
      <xdr:col>55</xdr:col>
      <xdr:colOff>88900</xdr:colOff>
      <xdr:row>108</xdr:row>
      <xdr:rowOff>151197</xdr:rowOff>
    </xdr:to>
    <xdr:cxnSp macro="">
      <xdr:nvCxnSpPr>
        <xdr:cNvPr id="464" name="直線コネクタ 463">
          <a:extLst>
            <a:ext uri="{FF2B5EF4-FFF2-40B4-BE49-F238E27FC236}">
              <a16:creationId xmlns:a16="http://schemas.microsoft.com/office/drawing/2014/main" id="{0FF31138-1BEE-40BB-AAB3-6B733E03D49E}"/>
            </a:ext>
          </a:extLst>
        </xdr:cNvPr>
        <xdr:cNvCxnSpPr/>
      </xdr:nvCxnSpPr>
      <xdr:spPr>
        <a:xfrm>
          <a:off x="10388600" y="186677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32763</xdr:rowOff>
    </xdr:from>
    <xdr:ext cx="690189" cy="259045"/>
    <xdr:sp macro="" textlink="">
      <xdr:nvSpPr>
        <xdr:cNvPr id="465" name="【港湾・漁港】&#10;一人当たり有形固定資産（償却資産）額最大値テキスト">
          <a:extLst>
            <a:ext uri="{FF2B5EF4-FFF2-40B4-BE49-F238E27FC236}">
              <a16:creationId xmlns:a16="http://schemas.microsoft.com/office/drawing/2014/main" id="{55E43712-4531-42F3-8D4E-E6AB2550474B}"/>
            </a:ext>
          </a:extLst>
        </xdr:cNvPr>
        <xdr:cNvSpPr txBox="1"/>
      </xdr:nvSpPr>
      <xdr:spPr>
        <a:xfrm>
          <a:off x="10515600" y="1717776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4,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6086</xdr:rowOff>
    </xdr:from>
    <xdr:to>
      <xdr:col>55</xdr:col>
      <xdr:colOff>88900</xdr:colOff>
      <xdr:row>101</xdr:row>
      <xdr:rowOff>86086</xdr:rowOff>
    </xdr:to>
    <xdr:cxnSp macro="">
      <xdr:nvCxnSpPr>
        <xdr:cNvPr id="466" name="直線コネクタ 465">
          <a:extLst>
            <a:ext uri="{FF2B5EF4-FFF2-40B4-BE49-F238E27FC236}">
              <a16:creationId xmlns:a16="http://schemas.microsoft.com/office/drawing/2014/main" id="{09F6C815-74F0-49B3-B4D4-BF43BCAC531F}"/>
            </a:ext>
          </a:extLst>
        </xdr:cNvPr>
        <xdr:cNvCxnSpPr/>
      </xdr:nvCxnSpPr>
      <xdr:spPr>
        <a:xfrm>
          <a:off x="10388600" y="17402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8155</xdr:rowOff>
    </xdr:from>
    <xdr:ext cx="599010" cy="259045"/>
    <xdr:sp macro="" textlink="">
      <xdr:nvSpPr>
        <xdr:cNvPr id="467" name="【港湾・漁港】&#10;一人当たり有形固定資産（償却資産）額平均値テキスト">
          <a:extLst>
            <a:ext uri="{FF2B5EF4-FFF2-40B4-BE49-F238E27FC236}">
              <a16:creationId xmlns:a16="http://schemas.microsoft.com/office/drawing/2014/main" id="{CCDBD515-B896-415B-850E-9C643B43099D}"/>
            </a:ext>
          </a:extLst>
        </xdr:cNvPr>
        <xdr:cNvSpPr txBox="1"/>
      </xdr:nvSpPr>
      <xdr:spPr>
        <a:xfrm>
          <a:off x="10515600" y="1819185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66728</xdr:rowOff>
    </xdr:from>
    <xdr:to>
      <xdr:col>55</xdr:col>
      <xdr:colOff>50800</xdr:colOff>
      <xdr:row>107</xdr:row>
      <xdr:rowOff>96878</xdr:rowOff>
    </xdr:to>
    <xdr:sp macro="" textlink="">
      <xdr:nvSpPr>
        <xdr:cNvPr id="468" name="フローチャート: 判断 467">
          <a:extLst>
            <a:ext uri="{FF2B5EF4-FFF2-40B4-BE49-F238E27FC236}">
              <a16:creationId xmlns:a16="http://schemas.microsoft.com/office/drawing/2014/main" id="{2663914A-92A8-4B9C-9087-4DF689F49357}"/>
            </a:ext>
          </a:extLst>
        </xdr:cNvPr>
        <xdr:cNvSpPr/>
      </xdr:nvSpPr>
      <xdr:spPr>
        <a:xfrm>
          <a:off x="10426700" y="1834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10562</xdr:rowOff>
    </xdr:from>
    <xdr:to>
      <xdr:col>50</xdr:col>
      <xdr:colOff>165100</xdr:colOff>
      <xdr:row>107</xdr:row>
      <xdr:rowOff>112162</xdr:rowOff>
    </xdr:to>
    <xdr:sp macro="" textlink="">
      <xdr:nvSpPr>
        <xdr:cNvPr id="469" name="フローチャート: 判断 468">
          <a:extLst>
            <a:ext uri="{FF2B5EF4-FFF2-40B4-BE49-F238E27FC236}">
              <a16:creationId xmlns:a16="http://schemas.microsoft.com/office/drawing/2014/main" id="{811DDE30-4056-47E3-AD7D-DBBA07437B04}"/>
            </a:ext>
          </a:extLst>
        </xdr:cNvPr>
        <xdr:cNvSpPr/>
      </xdr:nvSpPr>
      <xdr:spPr>
        <a:xfrm>
          <a:off x="9588500" y="18355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71005</xdr:rowOff>
    </xdr:from>
    <xdr:to>
      <xdr:col>46</xdr:col>
      <xdr:colOff>38100</xdr:colOff>
      <xdr:row>107</xdr:row>
      <xdr:rowOff>101155</xdr:rowOff>
    </xdr:to>
    <xdr:sp macro="" textlink="">
      <xdr:nvSpPr>
        <xdr:cNvPr id="470" name="フローチャート: 判断 469">
          <a:extLst>
            <a:ext uri="{FF2B5EF4-FFF2-40B4-BE49-F238E27FC236}">
              <a16:creationId xmlns:a16="http://schemas.microsoft.com/office/drawing/2014/main" id="{E7C71C40-73A0-4475-B131-EE7F67649A86}"/>
            </a:ext>
          </a:extLst>
        </xdr:cNvPr>
        <xdr:cNvSpPr/>
      </xdr:nvSpPr>
      <xdr:spPr>
        <a:xfrm>
          <a:off x="8699500" y="18344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27758</xdr:rowOff>
    </xdr:from>
    <xdr:to>
      <xdr:col>41</xdr:col>
      <xdr:colOff>101600</xdr:colOff>
      <xdr:row>107</xdr:row>
      <xdr:rowOff>57908</xdr:rowOff>
    </xdr:to>
    <xdr:sp macro="" textlink="">
      <xdr:nvSpPr>
        <xdr:cNvPr id="471" name="フローチャート: 判断 470">
          <a:extLst>
            <a:ext uri="{FF2B5EF4-FFF2-40B4-BE49-F238E27FC236}">
              <a16:creationId xmlns:a16="http://schemas.microsoft.com/office/drawing/2014/main" id="{12B25DF0-8E89-4B48-90ED-B06B537D10F6}"/>
            </a:ext>
          </a:extLst>
        </xdr:cNvPr>
        <xdr:cNvSpPr/>
      </xdr:nvSpPr>
      <xdr:spPr>
        <a:xfrm>
          <a:off x="7810500" y="18301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54392</xdr:rowOff>
    </xdr:from>
    <xdr:to>
      <xdr:col>36</xdr:col>
      <xdr:colOff>165100</xdr:colOff>
      <xdr:row>107</xdr:row>
      <xdr:rowOff>84542</xdr:rowOff>
    </xdr:to>
    <xdr:sp macro="" textlink="">
      <xdr:nvSpPr>
        <xdr:cNvPr id="472" name="フローチャート: 判断 471">
          <a:extLst>
            <a:ext uri="{FF2B5EF4-FFF2-40B4-BE49-F238E27FC236}">
              <a16:creationId xmlns:a16="http://schemas.microsoft.com/office/drawing/2014/main" id="{8C78A6F0-4B21-4AF8-89CA-D7FAC6E50AC8}"/>
            </a:ext>
          </a:extLst>
        </xdr:cNvPr>
        <xdr:cNvSpPr/>
      </xdr:nvSpPr>
      <xdr:spPr>
        <a:xfrm>
          <a:off x="6921500" y="18328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199624C4-978B-4411-B9D3-B36748380C19}"/>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AD16C494-4BE8-4AD7-8B6E-90C38B7EFA42}"/>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A1BF6912-ADB0-49C0-82D6-1DFD082C1586}"/>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F423BBA4-DB3A-4487-A0EE-528454A38F58}"/>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7" name="テキスト ボックス 476">
          <a:extLst>
            <a:ext uri="{FF2B5EF4-FFF2-40B4-BE49-F238E27FC236}">
              <a16:creationId xmlns:a16="http://schemas.microsoft.com/office/drawing/2014/main" id="{7CBC710B-0D16-449C-B798-5617C43C22BC}"/>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97402</xdr:rowOff>
    </xdr:from>
    <xdr:to>
      <xdr:col>55</xdr:col>
      <xdr:colOff>50800</xdr:colOff>
      <xdr:row>109</xdr:row>
      <xdr:rowOff>27552</xdr:rowOff>
    </xdr:to>
    <xdr:sp macro="" textlink="">
      <xdr:nvSpPr>
        <xdr:cNvPr id="478" name="楕円 477">
          <a:extLst>
            <a:ext uri="{FF2B5EF4-FFF2-40B4-BE49-F238E27FC236}">
              <a16:creationId xmlns:a16="http://schemas.microsoft.com/office/drawing/2014/main" id="{3DCE8559-F637-4F9B-B017-DA282BE3481D}"/>
            </a:ext>
          </a:extLst>
        </xdr:cNvPr>
        <xdr:cNvSpPr/>
      </xdr:nvSpPr>
      <xdr:spPr>
        <a:xfrm>
          <a:off x="10426700" y="18614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8</xdr:row>
      <xdr:rowOff>12329</xdr:rowOff>
    </xdr:from>
    <xdr:ext cx="534377" cy="259045"/>
    <xdr:sp macro="" textlink="">
      <xdr:nvSpPr>
        <xdr:cNvPr id="479" name="【港湾・漁港】&#10;一人当たり有形固定資産（償却資産）額該当値テキスト">
          <a:extLst>
            <a:ext uri="{FF2B5EF4-FFF2-40B4-BE49-F238E27FC236}">
              <a16:creationId xmlns:a16="http://schemas.microsoft.com/office/drawing/2014/main" id="{607A3EC3-CA6D-461A-B177-9FF82F04685A}"/>
            </a:ext>
          </a:extLst>
        </xdr:cNvPr>
        <xdr:cNvSpPr txBox="1"/>
      </xdr:nvSpPr>
      <xdr:spPr>
        <a:xfrm>
          <a:off x="10515600" y="18528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97479</xdr:rowOff>
    </xdr:from>
    <xdr:to>
      <xdr:col>50</xdr:col>
      <xdr:colOff>165100</xdr:colOff>
      <xdr:row>109</xdr:row>
      <xdr:rowOff>27629</xdr:rowOff>
    </xdr:to>
    <xdr:sp macro="" textlink="">
      <xdr:nvSpPr>
        <xdr:cNvPr id="480" name="楕円 479">
          <a:extLst>
            <a:ext uri="{FF2B5EF4-FFF2-40B4-BE49-F238E27FC236}">
              <a16:creationId xmlns:a16="http://schemas.microsoft.com/office/drawing/2014/main" id="{52228A57-8FD4-4073-B639-1549CB74F028}"/>
            </a:ext>
          </a:extLst>
        </xdr:cNvPr>
        <xdr:cNvSpPr/>
      </xdr:nvSpPr>
      <xdr:spPr>
        <a:xfrm>
          <a:off x="9588500" y="18614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148202</xdr:rowOff>
    </xdr:from>
    <xdr:to>
      <xdr:col>55</xdr:col>
      <xdr:colOff>0</xdr:colOff>
      <xdr:row>108</xdr:row>
      <xdr:rowOff>148279</xdr:rowOff>
    </xdr:to>
    <xdr:cxnSp macro="">
      <xdr:nvCxnSpPr>
        <xdr:cNvPr id="481" name="直線コネクタ 480">
          <a:extLst>
            <a:ext uri="{FF2B5EF4-FFF2-40B4-BE49-F238E27FC236}">
              <a16:creationId xmlns:a16="http://schemas.microsoft.com/office/drawing/2014/main" id="{10F2F341-5346-49B1-A0C7-C3DF57F04F5A}"/>
            </a:ext>
          </a:extLst>
        </xdr:cNvPr>
        <xdr:cNvCxnSpPr/>
      </xdr:nvCxnSpPr>
      <xdr:spPr>
        <a:xfrm flipV="1">
          <a:off x="9639300" y="18664802"/>
          <a:ext cx="838200" cy="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97530</xdr:rowOff>
    </xdr:from>
    <xdr:to>
      <xdr:col>46</xdr:col>
      <xdr:colOff>38100</xdr:colOff>
      <xdr:row>109</xdr:row>
      <xdr:rowOff>27680</xdr:rowOff>
    </xdr:to>
    <xdr:sp macro="" textlink="">
      <xdr:nvSpPr>
        <xdr:cNvPr id="482" name="楕円 481">
          <a:extLst>
            <a:ext uri="{FF2B5EF4-FFF2-40B4-BE49-F238E27FC236}">
              <a16:creationId xmlns:a16="http://schemas.microsoft.com/office/drawing/2014/main" id="{07E4C4CC-711A-4458-8323-1ECF2F489407}"/>
            </a:ext>
          </a:extLst>
        </xdr:cNvPr>
        <xdr:cNvSpPr/>
      </xdr:nvSpPr>
      <xdr:spPr>
        <a:xfrm>
          <a:off x="8699500" y="18614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148279</xdr:rowOff>
    </xdr:from>
    <xdr:to>
      <xdr:col>50</xdr:col>
      <xdr:colOff>114300</xdr:colOff>
      <xdr:row>108</xdr:row>
      <xdr:rowOff>148330</xdr:rowOff>
    </xdr:to>
    <xdr:cxnSp macro="">
      <xdr:nvCxnSpPr>
        <xdr:cNvPr id="483" name="直線コネクタ 482">
          <a:extLst>
            <a:ext uri="{FF2B5EF4-FFF2-40B4-BE49-F238E27FC236}">
              <a16:creationId xmlns:a16="http://schemas.microsoft.com/office/drawing/2014/main" id="{4024B49C-AD51-4042-858B-46C3203921D0}"/>
            </a:ext>
          </a:extLst>
        </xdr:cNvPr>
        <xdr:cNvCxnSpPr/>
      </xdr:nvCxnSpPr>
      <xdr:spPr>
        <a:xfrm flipV="1">
          <a:off x="8750300" y="18664879"/>
          <a:ext cx="889000" cy="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97602</xdr:rowOff>
    </xdr:from>
    <xdr:to>
      <xdr:col>41</xdr:col>
      <xdr:colOff>101600</xdr:colOff>
      <xdr:row>109</xdr:row>
      <xdr:rowOff>27752</xdr:rowOff>
    </xdr:to>
    <xdr:sp macro="" textlink="">
      <xdr:nvSpPr>
        <xdr:cNvPr id="484" name="楕円 483">
          <a:extLst>
            <a:ext uri="{FF2B5EF4-FFF2-40B4-BE49-F238E27FC236}">
              <a16:creationId xmlns:a16="http://schemas.microsoft.com/office/drawing/2014/main" id="{4BBFFACA-7628-4B4F-AC20-72ADF749FE79}"/>
            </a:ext>
          </a:extLst>
        </xdr:cNvPr>
        <xdr:cNvSpPr/>
      </xdr:nvSpPr>
      <xdr:spPr>
        <a:xfrm>
          <a:off x="7810500" y="18614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48330</xdr:rowOff>
    </xdr:from>
    <xdr:to>
      <xdr:col>45</xdr:col>
      <xdr:colOff>177800</xdr:colOff>
      <xdr:row>108</xdr:row>
      <xdr:rowOff>148402</xdr:rowOff>
    </xdr:to>
    <xdr:cxnSp macro="">
      <xdr:nvCxnSpPr>
        <xdr:cNvPr id="485" name="直線コネクタ 484">
          <a:extLst>
            <a:ext uri="{FF2B5EF4-FFF2-40B4-BE49-F238E27FC236}">
              <a16:creationId xmlns:a16="http://schemas.microsoft.com/office/drawing/2014/main" id="{2C51F485-4F24-4EAF-A8DF-022C49BC0846}"/>
            </a:ext>
          </a:extLst>
        </xdr:cNvPr>
        <xdr:cNvCxnSpPr/>
      </xdr:nvCxnSpPr>
      <xdr:spPr>
        <a:xfrm flipV="1">
          <a:off x="7861300" y="18664930"/>
          <a:ext cx="889000" cy="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97668</xdr:rowOff>
    </xdr:from>
    <xdr:to>
      <xdr:col>36</xdr:col>
      <xdr:colOff>165100</xdr:colOff>
      <xdr:row>109</xdr:row>
      <xdr:rowOff>27818</xdr:rowOff>
    </xdr:to>
    <xdr:sp macro="" textlink="">
      <xdr:nvSpPr>
        <xdr:cNvPr id="486" name="楕円 485">
          <a:extLst>
            <a:ext uri="{FF2B5EF4-FFF2-40B4-BE49-F238E27FC236}">
              <a16:creationId xmlns:a16="http://schemas.microsoft.com/office/drawing/2014/main" id="{B2EDB58F-1A91-48A7-B437-E928A49C5471}"/>
            </a:ext>
          </a:extLst>
        </xdr:cNvPr>
        <xdr:cNvSpPr/>
      </xdr:nvSpPr>
      <xdr:spPr>
        <a:xfrm>
          <a:off x="6921500" y="18614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148402</xdr:rowOff>
    </xdr:from>
    <xdr:to>
      <xdr:col>41</xdr:col>
      <xdr:colOff>50800</xdr:colOff>
      <xdr:row>108</xdr:row>
      <xdr:rowOff>148468</xdr:rowOff>
    </xdr:to>
    <xdr:cxnSp macro="">
      <xdr:nvCxnSpPr>
        <xdr:cNvPr id="487" name="直線コネクタ 486">
          <a:extLst>
            <a:ext uri="{FF2B5EF4-FFF2-40B4-BE49-F238E27FC236}">
              <a16:creationId xmlns:a16="http://schemas.microsoft.com/office/drawing/2014/main" id="{432C3BA7-553F-4E29-9DE3-216F30495B00}"/>
            </a:ext>
          </a:extLst>
        </xdr:cNvPr>
        <xdr:cNvCxnSpPr/>
      </xdr:nvCxnSpPr>
      <xdr:spPr>
        <a:xfrm flipV="1">
          <a:off x="6972300" y="18665002"/>
          <a:ext cx="889000" cy="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5</xdr:row>
      <xdr:rowOff>128689</xdr:rowOff>
    </xdr:from>
    <xdr:ext cx="599010" cy="259045"/>
    <xdr:sp macro="" textlink="">
      <xdr:nvSpPr>
        <xdr:cNvPr id="488" name="n_1aveValue【港湾・漁港】&#10;一人当たり有形固定資産（償却資産）額">
          <a:extLst>
            <a:ext uri="{FF2B5EF4-FFF2-40B4-BE49-F238E27FC236}">
              <a16:creationId xmlns:a16="http://schemas.microsoft.com/office/drawing/2014/main" id="{AB2F5105-999F-4045-A68A-7F2A299A1852}"/>
            </a:ext>
          </a:extLst>
        </xdr:cNvPr>
        <xdr:cNvSpPr txBox="1"/>
      </xdr:nvSpPr>
      <xdr:spPr>
        <a:xfrm>
          <a:off x="9327095" y="181309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5</xdr:row>
      <xdr:rowOff>117682</xdr:rowOff>
    </xdr:from>
    <xdr:ext cx="599010" cy="259045"/>
    <xdr:sp macro="" textlink="">
      <xdr:nvSpPr>
        <xdr:cNvPr id="489" name="n_2aveValue【港湾・漁港】&#10;一人当たり有形固定資産（償却資産）額">
          <a:extLst>
            <a:ext uri="{FF2B5EF4-FFF2-40B4-BE49-F238E27FC236}">
              <a16:creationId xmlns:a16="http://schemas.microsoft.com/office/drawing/2014/main" id="{875D550C-43A5-4FFB-868E-7169DE27550D}"/>
            </a:ext>
          </a:extLst>
        </xdr:cNvPr>
        <xdr:cNvSpPr txBox="1"/>
      </xdr:nvSpPr>
      <xdr:spPr>
        <a:xfrm>
          <a:off x="8450795" y="181199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5</xdr:row>
      <xdr:rowOff>74435</xdr:rowOff>
    </xdr:from>
    <xdr:ext cx="599010" cy="259045"/>
    <xdr:sp macro="" textlink="">
      <xdr:nvSpPr>
        <xdr:cNvPr id="490" name="n_3aveValue【港湾・漁港】&#10;一人当たり有形固定資産（償却資産）額">
          <a:extLst>
            <a:ext uri="{FF2B5EF4-FFF2-40B4-BE49-F238E27FC236}">
              <a16:creationId xmlns:a16="http://schemas.microsoft.com/office/drawing/2014/main" id="{08C77AD0-FCC1-46DC-9CC5-04A3D35F5A92}"/>
            </a:ext>
          </a:extLst>
        </xdr:cNvPr>
        <xdr:cNvSpPr txBox="1"/>
      </xdr:nvSpPr>
      <xdr:spPr>
        <a:xfrm>
          <a:off x="7561795" y="180766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5</xdr:row>
      <xdr:rowOff>101069</xdr:rowOff>
    </xdr:from>
    <xdr:ext cx="599010" cy="259045"/>
    <xdr:sp macro="" textlink="">
      <xdr:nvSpPr>
        <xdr:cNvPr id="491" name="n_4aveValue【港湾・漁港】&#10;一人当たり有形固定資産（償却資産）額">
          <a:extLst>
            <a:ext uri="{FF2B5EF4-FFF2-40B4-BE49-F238E27FC236}">
              <a16:creationId xmlns:a16="http://schemas.microsoft.com/office/drawing/2014/main" id="{8480F0CF-9F4D-4131-A5C8-A68B574E0B93}"/>
            </a:ext>
          </a:extLst>
        </xdr:cNvPr>
        <xdr:cNvSpPr txBox="1"/>
      </xdr:nvSpPr>
      <xdr:spPr>
        <a:xfrm>
          <a:off x="6672795" y="18103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9</xdr:row>
      <xdr:rowOff>18756</xdr:rowOff>
    </xdr:from>
    <xdr:ext cx="534377" cy="259045"/>
    <xdr:sp macro="" textlink="">
      <xdr:nvSpPr>
        <xdr:cNvPr id="492" name="n_1mainValue【港湾・漁港】&#10;一人当たり有形固定資産（償却資産）額">
          <a:extLst>
            <a:ext uri="{FF2B5EF4-FFF2-40B4-BE49-F238E27FC236}">
              <a16:creationId xmlns:a16="http://schemas.microsoft.com/office/drawing/2014/main" id="{9AF79C26-9322-422A-BCA9-26CA1B8EB46A}"/>
            </a:ext>
          </a:extLst>
        </xdr:cNvPr>
        <xdr:cNvSpPr txBox="1"/>
      </xdr:nvSpPr>
      <xdr:spPr>
        <a:xfrm>
          <a:off x="9359411" y="18706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9</xdr:row>
      <xdr:rowOff>18807</xdr:rowOff>
    </xdr:from>
    <xdr:ext cx="534377" cy="259045"/>
    <xdr:sp macro="" textlink="">
      <xdr:nvSpPr>
        <xdr:cNvPr id="493" name="n_2mainValue【港湾・漁港】&#10;一人当たり有形固定資産（償却資産）額">
          <a:extLst>
            <a:ext uri="{FF2B5EF4-FFF2-40B4-BE49-F238E27FC236}">
              <a16:creationId xmlns:a16="http://schemas.microsoft.com/office/drawing/2014/main" id="{074432DB-F94B-451C-BAC5-48B174F53C0C}"/>
            </a:ext>
          </a:extLst>
        </xdr:cNvPr>
        <xdr:cNvSpPr txBox="1"/>
      </xdr:nvSpPr>
      <xdr:spPr>
        <a:xfrm>
          <a:off x="8483111" y="18706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9</xdr:row>
      <xdr:rowOff>18879</xdr:rowOff>
    </xdr:from>
    <xdr:ext cx="534377" cy="259045"/>
    <xdr:sp macro="" textlink="">
      <xdr:nvSpPr>
        <xdr:cNvPr id="494" name="n_3mainValue【港湾・漁港】&#10;一人当たり有形固定資産（償却資産）額">
          <a:extLst>
            <a:ext uri="{FF2B5EF4-FFF2-40B4-BE49-F238E27FC236}">
              <a16:creationId xmlns:a16="http://schemas.microsoft.com/office/drawing/2014/main" id="{152D8B91-10C9-4C4F-AAAF-AE4AE6E1DE0D}"/>
            </a:ext>
          </a:extLst>
        </xdr:cNvPr>
        <xdr:cNvSpPr txBox="1"/>
      </xdr:nvSpPr>
      <xdr:spPr>
        <a:xfrm>
          <a:off x="7594111" y="18706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9</xdr:row>
      <xdr:rowOff>18945</xdr:rowOff>
    </xdr:from>
    <xdr:ext cx="534377" cy="259045"/>
    <xdr:sp macro="" textlink="">
      <xdr:nvSpPr>
        <xdr:cNvPr id="495" name="n_4mainValue【港湾・漁港】&#10;一人当たり有形固定資産（償却資産）額">
          <a:extLst>
            <a:ext uri="{FF2B5EF4-FFF2-40B4-BE49-F238E27FC236}">
              <a16:creationId xmlns:a16="http://schemas.microsoft.com/office/drawing/2014/main" id="{40E182A4-10FC-41EA-8AFA-D3F0C9D16AFD}"/>
            </a:ext>
          </a:extLst>
        </xdr:cNvPr>
        <xdr:cNvSpPr txBox="1"/>
      </xdr:nvSpPr>
      <xdr:spPr>
        <a:xfrm>
          <a:off x="6705111" y="18706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6" name="正方形/長方形 495">
          <a:extLst>
            <a:ext uri="{FF2B5EF4-FFF2-40B4-BE49-F238E27FC236}">
              <a16:creationId xmlns:a16="http://schemas.microsoft.com/office/drawing/2014/main" id="{7C58C691-51D7-4E66-9297-921C86D53C32}"/>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7" name="正方形/長方形 496">
          <a:extLst>
            <a:ext uri="{FF2B5EF4-FFF2-40B4-BE49-F238E27FC236}">
              <a16:creationId xmlns:a16="http://schemas.microsoft.com/office/drawing/2014/main" id="{C74E3324-1345-4734-B91B-174091511FB7}"/>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8" name="正方形/長方形 497">
          <a:extLst>
            <a:ext uri="{FF2B5EF4-FFF2-40B4-BE49-F238E27FC236}">
              <a16:creationId xmlns:a16="http://schemas.microsoft.com/office/drawing/2014/main" id="{334AD2BD-323A-421E-876D-88D7DE549717}"/>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9" name="正方形/長方形 498">
          <a:extLst>
            <a:ext uri="{FF2B5EF4-FFF2-40B4-BE49-F238E27FC236}">
              <a16:creationId xmlns:a16="http://schemas.microsoft.com/office/drawing/2014/main" id="{086CD8CE-E9F6-4B52-A705-BAC85FD72BC6}"/>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0" name="正方形/長方形 499">
          <a:extLst>
            <a:ext uri="{FF2B5EF4-FFF2-40B4-BE49-F238E27FC236}">
              <a16:creationId xmlns:a16="http://schemas.microsoft.com/office/drawing/2014/main" id="{AF641704-0828-45B8-9195-CCE35AD46377}"/>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1" name="正方形/長方形 500">
          <a:extLst>
            <a:ext uri="{FF2B5EF4-FFF2-40B4-BE49-F238E27FC236}">
              <a16:creationId xmlns:a16="http://schemas.microsoft.com/office/drawing/2014/main" id="{F39DF002-F65E-41FD-B5CC-6C3E17F0CAB8}"/>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2" name="正方形/長方形 501">
          <a:extLst>
            <a:ext uri="{FF2B5EF4-FFF2-40B4-BE49-F238E27FC236}">
              <a16:creationId xmlns:a16="http://schemas.microsoft.com/office/drawing/2014/main" id="{5E4CFDD1-B372-44AD-BC39-C3B27ED7DD3C}"/>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3" name="正方形/長方形 502">
          <a:extLst>
            <a:ext uri="{FF2B5EF4-FFF2-40B4-BE49-F238E27FC236}">
              <a16:creationId xmlns:a16="http://schemas.microsoft.com/office/drawing/2014/main" id="{D11D6294-BD33-4052-A01E-2BBDE2DBFD0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4" name="テキスト ボックス 503">
          <a:extLst>
            <a:ext uri="{FF2B5EF4-FFF2-40B4-BE49-F238E27FC236}">
              <a16:creationId xmlns:a16="http://schemas.microsoft.com/office/drawing/2014/main" id="{81999A7B-8B4B-4813-BB34-EF70B1DF1715}"/>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5" name="直線コネクタ 504">
          <a:extLst>
            <a:ext uri="{FF2B5EF4-FFF2-40B4-BE49-F238E27FC236}">
              <a16:creationId xmlns:a16="http://schemas.microsoft.com/office/drawing/2014/main" id="{84244F03-9D13-4E26-A927-2DD1B1466236}"/>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6" name="テキスト ボックス 505">
          <a:extLst>
            <a:ext uri="{FF2B5EF4-FFF2-40B4-BE49-F238E27FC236}">
              <a16:creationId xmlns:a16="http://schemas.microsoft.com/office/drawing/2014/main" id="{21D8A0F4-CDD9-4A3C-A7AC-8FDFF8CAF022}"/>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7" name="直線コネクタ 506">
          <a:extLst>
            <a:ext uri="{FF2B5EF4-FFF2-40B4-BE49-F238E27FC236}">
              <a16:creationId xmlns:a16="http://schemas.microsoft.com/office/drawing/2014/main" id="{976E5D54-FCEE-43C2-BDC9-65A37BDAFDB7}"/>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8" name="テキスト ボックス 507">
          <a:extLst>
            <a:ext uri="{FF2B5EF4-FFF2-40B4-BE49-F238E27FC236}">
              <a16:creationId xmlns:a16="http://schemas.microsoft.com/office/drawing/2014/main" id="{11C47063-B8EC-41E6-AD2F-33A3A7CA0759}"/>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9" name="直線コネクタ 508">
          <a:extLst>
            <a:ext uri="{FF2B5EF4-FFF2-40B4-BE49-F238E27FC236}">
              <a16:creationId xmlns:a16="http://schemas.microsoft.com/office/drawing/2014/main" id="{DB4E8D3C-A079-4997-BBE2-32B1328A5797}"/>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10" name="テキスト ボックス 509">
          <a:extLst>
            <a:ext uri="{FF2B5EF4-FFF2-40B4-BE49-F238E27FC236}">
              <a16:creationId xmlns:a16="http://schemas.microsoft.com/office/drawing/2014/main" id="{94FF2409-8719-47EB-A21F-181399E066E7}"/>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11" name="直線コネクタ 510">
          <a:extLst>
            <a:ext uri="{FF2B5EF4-FFF2-40B4-BE49-F238E27FC236}">
              <a16:creationId xmlns:a16="http://schemas.microsoft.com/office/drawing/2014/main" id="{A153C2ED-03B9-430D-BDF1-4027C700232C}"/>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2" name="テキスト ボックス 511">
          <a:extLst>
            <a:ext uri="{FF2B5EF4-FFF2-40B4-BE49-F238E27FC236}">
              <a16:creationId xmlns:a16="http://schemas.microsoft.com/office/drawing/2014/main" id="{D5650DCF-F141-4075-BCD6-1517D2523155}"/>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3" name="直線コネクタ 512">
          <a:extLst>
            <a:ext uri="{FF2B5EF4-FFF2-40B4-BE49-F238E27FC236}">
              <a16:creationId xmlns:a16="http://schemas.microsoft.com/office/drawing/2014/main" id="{30FC8275-760C-432A-950E-BD8107832E72}"/>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4" name="テキスト ボックス 513">
          <a:extLst>
            <a:ext uri="{FF2B5EF4-FFF2-40B4-BE49-F238E27FC236}">
              <a16:creationId xmlns:a16="http://schemas.microsoft.com/office/drawing/2014/main" id="{0E956D08-0254-4284-831C-EA73790FD6A9}"/>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5" name="直線コネクタ 514">
          <a:extLst>
            <a:ext uri="{FF2B5EF4-FFF2-40B4-BE49-F238E27FC236}">
              <a16:creationId xmlns:a16="http://schemas.microsoft.com/office/drawing/2014/main" id="{1E95E73E-C0E0-4B5A-9D3A-57869750561F}"/>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6" name="テキスト ボックス 515">
          <a:extLst>
            <a:ext uri="{FF2B5EF4-FFF2-40B4-BE49-F238E27FC236}">
              <a16:creationId xmlns:a16="http://schemas.microsoft.com/office/drawing/2014/main" id="{AE33BEA3-95EF-4BCD-8584-B74F337A1870}"/>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7" name="直線コネクタ 516">
          <a:extLst>
            <a:ext uri="{FF2B5EF4-FFF2-40B4-BE49-F238E27FC236}">
              <a16:creationId xmlns:a16="http://schemas.microsoft.com/office/drawing/2014/main" id="{C8DE1273-F128-41D2-93F5-4C83A35ED201}"/>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8" name="テキスト ボックス 517">
          <a:extLst>
            <a:ext uri="{FF2B5EF4-FFF2-40B4-BE49-F238E27FC236}">
              <a16:creationId xmlns:a16="http://schemas.microsoft.com/office/drawing/2014/main" id="{9637A496-4382-4D22-A0CE-0B2B204AFB42}"/>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9" name="直線コネクタ 518">
          <a:extLst>
            <a:ext uri="{FF2B5EF4-FFF2-40B4-BE49-F238E27FC236}">
              <a16:creationId xmlns:a16="http://schemas.microsoft.com/office/drawing/2014/main" id="{4BB2F88B-399F-407E-A3F5-E9064B4740E2}"/>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20" name="【認定こども園・幼稚園・保育所】&#10;有形固定資産減価償却率グラフ枠">
          <a:extLst>
            <a:ext uri="{FF2B5EF4-FFF2-40B4-BE49-F238E27FC236}">
              <a16:creationId xmlns:a16="http://schemas.microsoft.com/office/drawing/2014/main" id="{3B3E17F5-0A61-4122-90BF-13925F8F272C}"/>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9253</xdr:rowOff>
    </xdr:from>
    <xdr:to>
      <xdr:col>85</xdr:col>
      <xdr:colOff>126364</xdr:colOff>
      <xdr:row>42</xdr:row>
      <xdr:rowOff>92528</xdr:rowOff>
    </xdr:to>
    <xdr:cxnSp macro="">
      <xdr:nvCxnSpPr>
        <xdr:cNvPr id="521" name="直線コネクタ 520">
          <a:extLst>
            <a:ext uri="{FF2B5EF4-FFF2-40B4-BE49-F238E27FC236}">
              <a16:creationId xmlns:a16="http://schemas.microsoft.com/office/drawing/2014/main" id="{FB36B681-9AEF-49D7-935D-3EF1928F18F2}"/>
            </a:ext>
          </a:extLst>
        </xdr:cNvPr>
        <xdr:cNvCxnSpPr/>
      </xdr:nvCxnSpPr>
      <xdr:spPr>
        <a:xfrm flipV="1">
          <a:off x="16318864" y="5667103"/>
          <a:ext cx="0" cy="16263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522" name="【認定こども園・幼稚園・保育所】&#10;有形固定資産減価償却率最小値テキスト">
          <a:extLst>
            <a:ext uri="{FF2B5EF4-FFF2-40B4-BE49-F238E27FC236}">
              <a16:creationId xmlns:a16="http://schemas.microsoft.com/office/drawing/2014/main" id="{6ABCE367-360A-4CC2-A601-1C8E6D9E6B95}"/>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523" name="直線コネクタ 522">
          <a:extLst>
            <a:ext uri="{FF2B5EF4-FFF2-40B4-BE49-F238E27FC236}">
              <a16:creationId xmlns:a16="http://schemas.microsoft.com/office/drawing/2014/main" id="{3848A278-D7CF-4406-B149-D08F79449374}"/>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7380</xdr:rowOff>
    </xdr:from>
    <xdr:ext cx="340478" cy="259045"/>
    <xdr:sp macro="" textlink="">
      <xdr:nvSpPr>
        <xdr:cNvPr id="524" name="【認定こども園・幼稚園・保育所】&#10;有形固定資産減価償却率最大値テキスト">
          <a:extLst>
            <a:ext uri="{FF2B5EF4-FFF2-40B4-BE49-F238E27FC236}">
              <a16:creationId xmlns:a16="http://schemas.microsoft.com/office/drawing/2014/main" id="{B6F1A9DC-E692-40D9-880A-7637C99B4C90}"/>
            </a:ext>
          </a:extLst>
        </xdr:cNvPr>
        <xdr:cNvSpPr txBox="1"/>
      </xdr:nvSpPr>
      <xdr:spPr>
        <a:xfrm>
          <a:off x="16357600" y="544233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9253</xdr:rowOff>
    </xdr:from>
    <xdr:to>
      <xdr:col>86</xdr:col>
      <xdr:colOff>25400</xdr:colOff>
      <xdr:row>33</xdr:row>
      <xdr:rowOff>9253</xdr:rowOff>
    </xdr:to>
    <xdr:cxnSp macro="">
      <xdr:nvCxnSpPr>
        <xdr:cNvPr id="525" name="直線コネクタ 524">
          <a:extLst>
            <a:ext uri="{FF2B5EF4-FFF2-40B4-BE49-F238E27FC236}">
              <a16:creationId xmlns:a16="http://schemas.microsoft.com/office/drawing/2014/main" id="{6FDF1D50-BAF3-4015-9D2A-7959F187CE65}"/>
            </a:ext>
          </a:extLst>
        </xdr:cNvPr>
        <xdr:cNvCxnSpPr/>
      </xdr:nvCxnSpPr>
      <xdr:spPr>
        <a:xfrm>
          <a:off x="16230600" y="5667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7253</xdr:rowOff>
    </xdr:from>
    <xdr:ext cx="405111" cy="259045"/>
    <xdr:sp macro="" textlink="">
      <xdr:nvSpPr>
        <xdr:cNvPr id="526" name="【認定こども園・幼稚園・保育所】&#10;有形固定資産減価償却率平均値テキスト">
          <a:extLst>
            <a:ext uri="{FF2B5EF4-FFF2-40B4-BE49-F238E27FC236}">
              <a16:creationId xmlns:a16="http://schemas.microsoft.com/office/drawing/2014/main" id="{4F3F9387-958A-4E1E-B702-15302CB85E18}"/>
            </a:ext>
          </a:extLst>
        </xdr:cNvPr>
        <xdr:cNvSpPr txBox="1"/>
      </xdr:nvSpPr>
      <xdr:spPr>
        <a:xfrm>
          <a:off x="16357600" y="636090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65826</xdr:rowOff>
    </xdr:from>
    <xdr:to>
      <xdr:col>85</xdr:col>
      <xdr:colOff>177800</xdr:colOff>
      <xdr:row>38</xdr:row>
      <xdr:rowOff>95976</xdr:rowOff>
    </xdr:to>
    <xdr:sp macro="" textlink="">
      <xdr:nvSpPr>
        <xdr:cNvPr id="527" name="フローチャート: 判断 526">
          <a:extLst>
            <a:ext uri="{FF2B5EF4-FFF2-40B4-BE49-F238E27FC236}">
              <a16:creationId xmlns:a16="http://schemas.microsoft.com/office/drawing/2014/main" id="{BFBF5708-266F-4EDC-964A-4E8B9D85166F}"/>
            </a:ext>
          </a:extLst>
        </xdr:cNvPr>
        <xdr:cNvSpPr/>
      </xdr:nvSpPr>
      <xdr:spPr>
        <a:xfrm>
          <a:off x="16268700" y="6509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70724</xdr:rowOff>
    </xdr:from>
    <xdr:to>
      <xdr:col>81</xdr:col>
      <xdr:colOff>101600</xdr:colOff>
      <xdr:row>38</xdr:row>
      <xdr:rowOff>100874</xdr:rowOff>
    </xdr:to>
    <xdr:sp macro="" textlink="">
      <xdr:nvSpPr>
        <xdr:cNvPr id="528" name="フローチャート: 判断 527">
          <a:extLst>
            <a:ext uri="{FF2B5EF4-FFF2-40B4-BE49-F238E27FC236}">
              <a16:creationId xmlns:a16="http://schemas.microsoft.com/office/drawing/2014/main" id="{5D15E2EF-DED9-4CDE-BAC6-85F2A8F3AD7E}"/>
            </a:ext>
          </a:extLst>
        </xdr:cNvPr>
        <xdr:cNvSpPr/>
      </xdr:nvSpPr>
      <xdr:spPr>
        <a:xfrm>
          <a:off x="15430500" y="651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25004</xdr:rowOff>
    </xdr:from>
    <xdr:to>
      <xdr:col>76</xdr:col>
      <xdr:colOff>165100</xdr:colOff>
      <xdr:row>38</xdr:row>
      <xdr:rowOff>55155</xdr:rowOff>
    </xdr:to>
    <xdr:sp macro="" textlink="">
      <xdr:nvSpPr>
        <xdr:cNvPr id="529" name="フローチャート: 判断 528">
          <a:extLst>
            <a:ext uri="{FF2B5EF4-FFF2-40B4-BE49-F238E27FC236}">
              <a16:creationId xmlns:a16="http://schemas.microsoft.com/office/drawing/2014/main" id="{D0D3260E-4ABA-44B5-84AF-AF42C345DFB4}"/>
            </a:ext>
          </a:extLst>
        </xdr:cNvPr>
        <xdr:cNvSpPr/>
      </xdr:nvSpPr>
      <xdr:spPr>
        <a:xfrm>
          <a:off x="14541500" y="646865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03777</xdr:rowOff>
    </xdr:from>
    <xdr:to>
      <xdr:col>72</xdr:col>
      <xdr:colOff>38100</xdr:colOff>
      <xdr:row>38</xdr:row>
      <xdr:rowOff>33927</xdr:rowOff>
    </xdr:to>
    <xdr:sp macro="" textlink="">
      <xdr:nvSpPr>
        <xdr:cNvPr id="530" name="フローチャート: 判断 529">
          <a:extLst>
            <a:ext uri="{FF2B5EF4-FFF2-40B4-BE49-F238E27FC236}">
              <a16:creationId xmlns:a16="http://schemas.microsoft.com/office/drawing/2014/main" id="{4DC71C7B-F232-4489-92DC-0CF2AC239DAC}"/>
            </a:ext>
          </a:extLst>
        </xdr:cNvPr>
        <xdr:cNvSpPr/>
      </xdr:nvSpPr>
      <xdr:spPr>
        <a:xfrm>
          <a:off x="13652500" y="6447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93980</xdr:rowOff>
    </xdr:from>
    <xdr:to>
      <xdr:col>67</xdr:col>
      <xdr:colOff>101600</xdr:colOff>
      <xdr:row>38</xdr:row>
      <xdr:rowOff>24130</xdr:rowOff>
    </xdr:to>
    <xdr:sp macro="" textlink="">
      <xdr:nvSpPr>
        <xdr:cNvPr id="531" name="フローチャート: 判断 530">
          <a:extLst>
            <a:ext uri="{FF2B5EF4-FFF2-40B4-BE49-F238E27FC236}">
              <a16:creationId xmlns:a16="http://schemas.microsoft.com/office/drawing/2014/main" id="{7629693C-08B1-4F54-8B1C-9B017BABB459}"/>
            </a:ext>
          </a:extLst>
        </xdr:cNvPr>
        <xdr:cNvSpPr/>
      </xdr:nvSpPr>
      <xdr:spPr>
        <a:xfrm>
          <a:off x="12763500" y="643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9F18CC42-BF2A-4F08-AF13-20A0E9507DA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5983E4CF-DFD2-4269-BDCC-4E7C7F2FE40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EA90A0B0-A2F1-48CF-897A-220BBE52E5C4}"/>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5" name="テキスト ボックス 534">
          <a:extLst>
            <a:ext uri="{FF2B5EF4-FFF2-40B4-BE49-F238E27FC236}">
              <a16:creationId xmlns:a16="http://schemas.microsoft.com/office/drawing/2014/main" id="{1651C0BD-6B5F-4D17-BCCD-56EED0208367}"/>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6" name="テキスト ボックス 535">
          <a:extLst>
            <a:ext uri="{FF2B5EF4-FFF2-40B4-BE49-F238E27FC236}">
              <a16:creationId xmlns:a16="http://schemas.microsoft.com/office/drawing/2014/main" id="{8D3931D5-EE64-4D28-843E-078B8DF22991}"/>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60927</xdr:rowOff>
    </xdr:from>
    <xdr:to>
      <xdr:col>85</xdr:col>
      <xdr:colOff>177800</xdr:colOff>
      <xdr:row>42</xdr:row>
      <xdr:rowOff>91077</xdr:rowOff>
    </xdr:to>
    <xdr:sp macro="" textlink="">
      <xdr:nvSpPr>
        <xdr:cNvPr id="537" name="楕円 536">
          <a:extLst>
            <a:ext uri="{FF2B5EF4-FFF2-40B4-BE49-F238E27FC236}">
              <a16:creationId xmlns:a16="http://schemas.microsoft.com/office/drawing/2014/main" id="{64F90BBC-84DE-4280-85F5-EC07BB18F691}"/>
            </a:ext>
          </a:extLst>
        </xdr:cNvPr>
        <xdr:cNvSpPr/>
      </xdr:nvSpPr>
      <xdr:spPr>
        <a:xfrm>
          <a:off x="16268700" y="7190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75854</xdr:rowOff>
    </xdr:from>
    <xdr:ext cx="405111" cy="259045"/>
    <xdr:sp macro="" textlink="">
      <xdr:nvSpPr>
        <xdr:cNvPr id="538" name="【認定こども園・幼稚園・保育所】&#10;有形固定資産減価償却率該当値テキスト">
          <a:extLst>
            <a:ext uri="{FF2B5EF4-FFF2-40B4-BE49-F238E27FC236}">
              <a16:creationId xmlns:a16="http://schemas.microsoft.com/office/drawing/2014/main" id="{01DFA9A5-FB3D-470B-A4AF-844ACB7434C8}"/>
            </a:ext>
          </a:extLst>
        </xdr:cNvPr>
        <xdr:cNvSpPr txBox="1"/>
      </xdr:nvSpPr>
      <xdr:spPr>
        <a:xfrm>
          <a:off x="16357600" y="7105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25004</xdr:rowOff>
    </xdr:from>
    <xdr:to>
      <xdr:col>81</xdr:col>
      <xdr:colOff>101600</xdr:colOff>
      <xdr:row>42</xdr:row>
      <xdr:rowOff>55154</xdr:rowOff>
    </xdr:to>
    <xdr:sp macro="" textlink="">
      <xdr:nvSpPr>
        <xdr:cNvPr id="539" name="楕円 538">
          <a:extLst>
            <a:ext uri="{FF2B5EF4-FFF2-40B4-BE49-F238E27FC236}">
              <a16:creationId xmlns:a16="http://schemas.microsoft.com/office/drawing/2014/main" id="{B7C74B83-D261-497D-91EF-BF7B32C2B69D}"/>
            </a:ext>
          </a:extLst>
        </xdr:cNvPr>
        <xdr:cNvSpPr/>
      </xdr:nvSpPr>
      <xdr:spPr>
        <a:xfrm>
          <a:off x="15430500" y="715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4354</xdr:rowOff>
    </xdr:from>
    <xdr:to>
      <xdr:col>85</xdr:col>
      <xdr:colOff>127000</xdr:colOff>
      <xdr:row>42</xdr:row>
      <xdr:rowOff>40277</xdr:rowOff>
    </xdr:to>
    <xdr:cxnSp macro="">
      <xdr:nvCxnSpPr>
        <xdr:cNvPr id="540" name="直線コネクタ 539">
          <a:extLst>
            <a:ext uri="{FF2B5EF4-FFF2-40B4-BE49-F238E27FC236}">
              <a16:creationId xmlns:a16="http://schemas.microsoft.com/office/drawing/2014/main" id="{ABB9799D-8EB4-47D8-A3F7-24A2C6058208}"/>
            </a:ext>
          </a:extLst>
        </xdr:cNvPr>
        <xdr:cNvCxnSpPr/>
      </xdr:nvCxnSpPr>
      <xdr:spPr>
        <a:xfrm>
          <a:off x="15481300" y="7205254"/>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89081</xdr:rowOff>
    </xdr:from>
    <xdr:to>
      <xdr:col>76</xdr:col>
      <xdr:colOff>165100</xdr:colOff>
      <xdr:row>42</xdr:row>
      <xdr:rowOff>19231</xdr:rowOff>
    </xdr:to>
    <xdr:sp macro="" textlink="">
      <xdr:nvSpPr>
        <xdr:cNvPr id="541" name="楕円 540">
          <a:extLst>
            <a:ext uri="{FF2B5EF4-FFF2-40B4-BE49-F238E27FC236}">
              <a16:creationId xmlns:a16="http://schemas.microsoft.com/office/drawing/2014/main" id="{347C10C1-974F-4EA1-9BE2-689F38C7FFDF}"/>
            </a:ext>
          </a:extLst>
        </xdr:cNvPr>
        <xdr:cNvSpPr/>
      </xdr:nvSpPr>
      <xdr:spPr>
        <a:xfrm>
          <a:off x="14541500" y="711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139881</xdr:rowOff>
    </xdr:from>
    <xdr:to>
      <xdr:col>81</xdr:col>
      <xdr:colOff>50800</xdr:colOff>
      <xdr:row>42</xdr:row>
      <xdr:rowOff>4354</xdr:rowOff>
    </xdr:to>
    <xdr:cxnSp macro="">
      <xdr:nvCxnSpPr>
        <xdr:cNvPr id="542" name="直線コネクタ 541">
          <a:extLst>
            <a:ext uri="{FF2B5EF4-FFF2-40B4-BE49-F238E27FC236}">
              <a16:creationId xmlns:a16="http://schemas.microsoft.com/office/drawing/2014/main" id="{DFBB5682-4C99-4A9F-87E5-5A23B615E5A3}"/>
            </a:ext>
          </a:extLst>
        </xdr:cNvPr>
        <xdr:cNvCxnSpPr/>
      </xdr:nvCxnSpPr>
      <xdr:spPr>
        <a:xfrm>
          <a:off x="14592300" y="7169331"/>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53159</xdr:rowOff>
    </xdr:from>
    <xdr:to>
      <xdr:col>72</xdr:col>
      <xdr:colOff>38100</xdr:colOff>
      <xdr:row>41</xdr:row>
      <xdr:rowOff>154759</xdr:rowOff>
    </xdr:to>
    <xdr:sp macro="" textlink="">
      <xdr:nvSpPr>
        <xdr:cNvPr id="543" name="楕円 542">
          <a:extLst>
            <a:ext uri="{FF2B5EF4-FFF2-40B4-BE49-F238E27FC236}">
              <a16:creationId xmlns:a16="http://schemas.microsoft.com/office/drawing/2014/main" id="{42EA2928-1305-4940-BEC0-6509F245FC0E}"/>
            </a:ext>
          </a:extLst>
        </xdr:cNvPr>
        <xdr:cNvSpPr/>
      </xdr:nvSpPr>
      <xdr:spPr>
        <a:xfrm>
          <a:off x="13652500" y="7082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103959</xdr:rowOff>
    </xdr:from>
    <xdr:to>
      <xdr:col>76</xdr:col>
      <xdr:colOff>114300</xdr:colOff>
      <xdr:row>41</xdr:row>
      <xdr:rowOff>139881</xdr:rowOff>
    </xdr:to>
    <xdr:cxnSp macro="">
      <xdr:nvCxnSpPr>
        <xdr:cNvPr id="544" name="直線コネクタ 543">
          <a:extLst>
            <a:ext uri="{FF2B5EF4-FFF2-40B4-BE49-F238E27FC236}">
              <a16:creationId xmlns:a16="http://schemas.microsoft.com/office/drawing/2014/main" id="{392B6202-6E16-464E-A9B8-70EF09559C9D}"/>
            </a:ext>
          </a:extLst>
        </xdr:cNvPr>
        <xdr:cNvCxnSpPr/>
      </xdr:nvCxnSpPr>
      <xdr:spPr>
        <a:xfrm>
          <a:off x="13703300" y="7133409"/>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58057</xdr:rowOff>
    </xdr:from>
    <xdr:to>
      <xdr:col>67</xdr:col>
      <xdr:colOff>101600</xdr:colOff>
      <xdr:row>40</xdr:row>
      <xdr:rowOff>159657</xdr:rowOff>
    </xdr:to>
    <xdr:sp macro="" textlink="">
      <xdr:nvSpPr>
        <xdr:cNvPr id="545" name="楕円 544">
          <a:extLst>
            <a:ext uri="{FF2B5EF4-FFF2-40B4-BE49-F238E27FC236}">
              <a16:creationId xmlns:a16="http://schemas.microsoft.com/office/drawing/2014/main" id="{0991ECBC-55C3-4138-B4D3-D51389E860D4}"/>
            </a:ext>
          </a:extLst>
        </xdr:cNvPr>
        <xdr:cNvSpPr/>
      </xdr:nvSpPr>
      <xdr:spPr>
        <a:xfrm>
          <a:off x="12763500" y="691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108857</xdr:rowOff>
    </xdr:from>
    <xdr:to>
      <xdr:col>71</xdr:col>
      <xdr:colOff>177800</xdr:colOff>
      <xdr:row>41</xdr:row>
      <xdr:rowOff>103959</xdr:rowOff>
    </xdr:to>
    <xdr:cxnSp macro="">
      <xdr:nvCxnSpPr>
        <xdr:cNvPr id="546" name="直線コネクタ 545">
          <a:extLst>
            <a:ext uri="{FF2B5EF4-FFF2-40B4-BE49-F238E27FC236}">
              <a16:creationId xmlns:a16="http://schemas.microsoft.com/office/drawing/2014/main" id="{530A5283-6E5C-4233-9889-9B254251CB34}"/>
            </a:ext>
          </a:extLst>
        </xdr:cNvPr>
        <xdr:cNvCxnSpPr/>
      </xdr:nvCxnSpPr>
      <xdr:spPr>
        <a:xfrm>
          <a:off x="12814300" y="6966857"/>
          <a:ext cx="889000" cy="166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17401</xdr:rowOff>
    </xdr:from>
    <xdr:ext cx="405111" cy="259045"/>
    <xdr:sp macro="" textlink="">
      <xdr:nvSpPr>
        <xdr:cNvPr id="547" name="n_1aveValue【認定こども園・幼稚園・保育所】&#10;有形固定資産減価償却率">
          <a:extLst>
            <a:ext uri="{FF2B5EF4-FFF2-40B4-BE49-F238E27FC236}">
              <a16:creationId xmlns:a16="http://schemas.microsoft.com/office/drawing/2014/main" id="{041E8B09-9B05-4045-9332-592C72ADC5E1}"/>
            </a:ext>
          </a:extLst>
        </xdr:cNvPr>
        <xdr:cNvSpPr txBox="1"/>
      </xdr:nvSpPr>
      <xdr:spPr>
        <a:xfrm>
          <a:off x="15266044" y="628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71681</xdr:rowOff>
    </xdr:from>
    <xdr:ext cx="405111" cy="259045"/>
    <xdr:sp macro="" textlink="">
      <xdr:nvSpPr>
        <xdr:cNvPr id="548" name="n_2aveValue【認定こども園・幼稚園・保育所】&#10;有形固定資産減価償却率">
          <a:extLst>
            <a:ext uri="{FF2B5EF4-FFF2-40B4-BE49-F238E27FC236}">
              <a16:creationId xmlns:a16="http://schemas.microsoft.com/office/drawing/2014/main" id="{01725223-9C7A-446A-AB03-F5837EDCA8FE}"/>
            </a:ext>
          </a:extLst>
        </xdr:cNvPr>
        <xdr:cNvSpPr txBox="1"/>
      </xdr:nvSpPr>
      <xdr:spPr>
        <a:xfrm>
          <a:off x="14389744" y="6243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50454</xdr:rowOff>
    </xdr:from>
    <xdr:ext cx="405111" cy="259045"/>
    <xdr:sp macro="" textlink="">
      <xdr:nvSpPr>
        <xdr:cNvPr id="549" name="n_3aveValue【認定こども園・幼稚園・保育所】&#10;有形固定資産減価償却率">
          <a:extLst>
            <a:ext uri="{FF2B5EF4-FFF2-40B4-BE49-F238E27FC236}">
              <a16:creationId xmlns:a16="http://schemas.microsoft.com/office/drawing/2014/main" id="{D9F3B3E8-79AA-40B6-913E-4187526348EF}"/>
            </a:ext>
          </a:extLst>
        </xdr:cNvPr>
        <xdr:cNvSpPr txBox="1"/>
      </xdr:nvSpPr>
      <xdr:spPr>
        <a:xfrm>
          <a:off x="13500744" y="6222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40657</xdr:rowOff>
    </xdr:from>
    <xdr:ext cx="405111" cy="259045"/>
    <xdr:sp macro="" textlink="">
      <xdr:nvSpPr>
        <xdr:cNvPr id="550" name="n_4aveValue【認定こども園・幼稚園・保育所】&#10;有形固定資産減価償却率">
          <a:extLst>
            <a:ext uri="{FF2B5EF4-FFF2-40B4-BE49-F238E27FC236}">
              <a16:creationId xmlns:a16="http://schemas.microsoft.com/office/drawing/2014/main" id="{095D1BBD-DBD7-45FB-965E-0271F8B54A13}"/>
            </a:ext>
          </a:extLst>
        </xdr:cNvPr>
        <xdr:cNvSpPr txBox="1"/>
      </xdr:nvSpPr>
      <xdr:spPr>
        <a:xfrm>
          <a:off x="12611744" y="621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46281</xdr:rowOff>
    </xdr:from>
    <xdr:ext cx="405111" cy="259045"/>
    <xdr:sp macro="" textlink="">
      <xdr:nvSpPr>
        <xdr:cNvPr id="551" name="n_1mainValue【認定こども園・幼稚園・保育所】&#10;有形固定資産減価償却率">
          <a:extLst>
            <a:ext uri="{FF2B5EF4-FFF2-40B4-BE49-F238E27FC236}">
              <a16:creationId xmlns:a16="http://schemas.microsoft.com/office/drawing/2014/main" id="{043946BC-EEC5-4EEA-9933-85E05A0B5B78}"/>
            </a:ext>
          </a:extLst>
        </xdr:cNvPr>
        <xdr:cNvSpPr txBox="1"/>
      </xdr:nvSpPr>
      <xdr:spPr>
        <a:xfrm>
          <a:off x="15266044" y="7247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2</xdr:row>
      <xdr:rowOff>10358</xdr:rowOff>
    </xdr:from>
    <xdr:ext cx="405111" cy="259045"/>
    <xdr:sp macro="" textlink="">
      <xdr:nvSpPr>
        <xdr:cNvPr id="552" name="n_2mainValue【認定こども園・幼稚園・保育所】&#10;有形固定資産減価償却率">
          <a:extLst>
            <a:ext uri="{FF2B5EF4-FFF2-40B4-BE49-F238E27FC236}">
              <a16:creationId xmlns:a16="http://schemas.microsoft.com/office/drawing/2014/main" id="{36DEB0DC-DEA0-4041-8AF5-458A1A78DB23}"/>
            </a:ext>
          </a:extLst>
        </xdr:cNvPr>
        <xdr:cNvSpPr txBox="1"/>
      </xdr:nvSpPr>
      <xdr:spPr>
        <a:xfrm>
          <a:off x="14389744" y="7211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145886</xdr:rowOff>
    </xdr:from>
    <xdr:ext cx="405111" cy="259045"/>
    <xdr:sp macro="" textlink="">
      <xdr:nvSpPr>
        <xdr:cNvPr id="553" name="n_3mainValue【認定こども園・幼稚園・保育所】&#10;有形固定資産減価償却率">
          <a:extLst>
            <a:ext uri="{FF2B5EF4-FFF2-40B4-BE49-F238E27FC236}">
              <a16:creationId xmlns:a16="http://schemas.microsoft.com/office/drawing/2014/main" id="{30FDDF05-DDDA-4736-91E9-8B6E7DDE144A}"/>
            </a:ext>
          </a:extLst>
        </xdr:cNvPr>
        <xdr:cNvSpPr txBox="1"/>
      </xdr:nvSpPr>
      <xdr:spPr>
        <a:xfrm>
          <a:off x="13500744" y="71753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50784</xdr:rowOff>
    </xdr:from>
    <xdr:ext cx="405111" cy="259045"/>
    <xdr:sp macro="" textlink="">
      <xdr:nvSpPr>
        <xdr:cNvPr id="554" name="n_4mainValue【認定こども園・幼稚園・保育所】&#10;有形固定資産減価償却率">
          <a:extLst>
            <a:ext uri="{FF2B5EF4-FFF2-40B4-BE49-F238E27FC236}">
              <a16:creationId xmlns:a16="http://schemas.microsoft.com/office/drawing/2014/main" id="{EFF6321D-4C60-4345-80A5-3BF0AF7030FE}"/>
            </a:ext>
          </a:extLst>
        </xdr:cNvPr>
        <xdr:cNvSpPr txBox="1"/>
      </xdr:nvSpPr>
      <xdr:spPr>
        <a:xfrm>
          <a:off x="12611744" y="7008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5" name="正方形/長方形 554">
          <a:extLst>
            <a:ext uri="{FF2B5EF4-FFF2-40B4-BE49-F238E27FC236}">
              <a16:creationId xmlns:a16="http://schemas.microsoft.com/office/drawing/2014/main" id="{F5637BCE-C7E6-4D43-8F04-21839582B6D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6" name="正方形/長方形 555">
          <a:extLst>
            <a:ext uri="{FF2B5EF4-FFF2-40B4-BE49-F238E27FC236}">
              <a16:creationId xmlns:a16="http://schemas.microsoft.com/office/drawing/2014/main" id="{B70DCA55-FEC2-4184-8706-6B2D856E4CC4}"/>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7" name="正方形/長方形 556">
          <a:extLst>
            <a:ext uri="{FF2B5EF4-FFF2-40B4-BE49-F238E27FC236}">
              <a16:creationId xmlns:a16="http://schemas.microsoft.com/office/drawing/2014/main" id="{914F527C-7478-4BB4-BB39-1B87EEF554DE}"/>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8" name="正方形/長方形 557">
          <a:extLst>
            <a:ext uri="{FF2B5EF4-FFF2-40B4-BE49-F238E27FC236}">
              <a16:creationId xmlns:a16="http://schemas.microsoft.com/office/drawing/2014/main" id="{FF386977-C976-49CF-AE4E-AFFBB1D47BF5}"/>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9" name="正方形/長方形 558">
          <a:extLst>
            <a:ext uri="{FF2B5EF4-FFF2-40B4-BE49-F238E27FC236}">
              <a16:creationId xmlns:a16="http://schemas.microsoft.com/office/drawing/2014/main" id="{6F3D857F-CD07-4690-A89A-53E2A60AC304}"/>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60" name="正方形/長方形 559">
          <a:extLst>
            <a:ext uri="{FF2B5EF4-FFF2-40B4-BE49-F238E27FC236}">
              <a16:creationId xmlns:a16="http://schemas.microsoft.com/office/drawing/2014/main" id="{6D47336B-D69C-47D0-9353-D5F4DC4C469E}"/>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1" name="正方形/長方形 560">
          <a:extLst>
            <a:ext uri="{FF2B5EF4-FFF2-40B4-BE49-F238E27FC236}">
              <a16:creationId xmlns:a16="http://schemas.microsoft.com/office/drawing/2014/main" id="{0B2D4B86-F6B1-4045-AFB9-D62107490DC6}"/>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2" name="正方形/長方形 561">
          <a:extLst>
            <a:ext uri="{FF2B5EF4-FFF2-40B4-BE49-F238E27FC236}">
              <a16:creationId xmlns:a16="http://schemas.microsoft.com/office/drawing/2014/main" id="{CFF2E860-A446-43D9-9F45-7A00F432AE59}"/>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3" name="テキスト ボックス 562">
          <a:extLst>
            <a:ext uri="{FF2B5EF4-FFF2-40B4-BE49-F238E27FC236}">
              <a16:creationId xmlns:a16="http://schemas.microsoft.com/office/drawing/2014/main" id="{0DA3FA00-6848-4472-8E5C-FC1540A5636C}"/>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4" name="直線コネクタ 563">
          <a:extLst>
            <a:ext uri="{FF2B5EF4-FFF2-40B4-BE49-F238E27FC236}">
              <a16:creationId xmlns:a16="http://schemas.microsoft.com/office/drawing/2014/main" id="{21603DCF-B3FB-4001-9BC6-256BE5028EB5}"/>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5" name="直線コネクタ 564">
          <a:extLst>
            <a:ext uri="{FF2B5EF4-FFF2-40B4-BE49-F238E27FC236}">
              <a16:creationId xmlns:a16="http://schemas.microsoft.com/office/drawing/2014/main" id="{26D48C50-265A-496B-9DF9-338411E6F6FE}"/>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66" name="テキスト ボックス 565">
          <a:extLst>
            <a:ext uri="{FF2B5EF4-FFF2-40B4-BE49-F238E27FC236}">
              <a16:creationId xmlns:a16="http://schemas.microsoft.com/office/drawing/2014/main" id="{6AB82CD6-17ED-4F6E-8B9F-C108FC3F8EB4}"/>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7" name="直線コネクタ 566">
          <a:extLst>
            <a:ext uri="{FF2B5EF4-FFF2-40B4-BE49-F238E27FC236}">
              <a16:creationId xmlns:a16="http://schemas.microsoft.com/office/drawing/2014/main" id="{650CCE9A-526E-4621-971B-EF3C78B4C5C7}"/>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68" name="テキスト ボックス 567">
          <a:extLst>
            <a:ext uri="{FF2B5EF4-FFF2-40B4-BE49-F238E27FC236}">
              <a16:creationId xmlns:a16="http://schemas.microsoft.com/office/drawing/2014/main" id="{B7D1CF67-DE23-418F-83BC-D07BC2E71BA9}"/>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9" name="直線コネクタ 568">
          <a:extLst>
            <a:ext uri="{FF2B5EF4-FFF2-40B4-BE49-F238E27FC236}">
              <a16:creationId xmlns:a16="http://schemas.microsoft.com/office/drawing/2014/main" id="{9F35D3FB-F464-4A54-9520-D6EADCFB97A8}"/>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70" name="テキスト ボックス 569">
          <a:extLst>
            <a:ext uri="{FF2B5EF4-FFF2-40B4-BE49-F238E27FC236}">
              <a16:creationId xmlns:a16="http://schemas.microsoft.com/office/drawing/2014/main" id="{96090E59-E49A-4372-AD1E-63E4F014AE9A}"/>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71" name="直線コネクタ 570">
          <a:extLst>
            <a:ext uri="{FF2B5EF4-FFF2-40B4-BE49-F238E27FC236}">
              <a16:creationId xmlns:a16="http://schemas.microsoft.com/office/drawing/2014/main" id="{11A5068F-DBAE-47CD-A4AA-CCE3840362D3}"/>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72" name="テキスト ボックス 571">
          <a:extLst>
            <a:ext uri="{FF2B5EF4-FFF2-40B4-BE49-F238E27FC236}">
              <a16:creationId xmlns:a16="http://schemas.microsoft.com/office/drawing/2014/main" id="{2B2F7CAD-E9B2-4109-9D8B-674C83EC071A}"/>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3" name="直線コネクタ 572">
          <a:extLst>
            <a:ext uri="{FF2B5EF4-FFF2-40B4-BE49-F238E27FC236}">
              <a16:creationId xmlns:a16="http://schemas.microsoft.com/office/drawing/2014/main" id="{F55F950D-25FD-495E-966B-B2A9B181E612}"/>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74" name="テキスト ボックス 573">
          <a:extLst>
            <a:ext uri="{FF2B5EF4-FFF2-40B4-BE49-F238E27FC236}">
              <a16:creationId xmlns:a16="http://schemas.microsoft.com/office/drawing/2014/main" id="{915CE981-DE81-46B4-9042-9EC0D553F6EE}"/>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5" name="直線コネクタ 574">
          <a:extLst>
            <a:ext uri="{FF2B5EF4-FFF2-40B4-BE49-F238E27FC236}">
              <a16:creationId xmlns:a16="http://schemas.microsoft.com/office/drawing/2014/main" id="{F053213D-D795-4296-9CAA-65F5E81D5A2E}"/>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76" name="テキスト ボックス 575">
          <a:extLst>
            <a:ext uri="{FF2B5EF4-FFF2-40B4-BE49-F238E27FC236}">
              <a16:creationId xmlns:a16="http://schemas.microsoft.com/office/drawing/2014/main" id="{FA29CCE4-9149-4395-9040-2EE2786A62DC}"/>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7" name="【認定こども園・幼稚園・保育所】&#10;一人当たり面積グラフ枠">
          <a:extLst>
            <a:ext uri="{FF2B5EF4-FFF2-40B4-BE49-F238E27FC236}">
              <a16:creationId xmlns:a16="http://schemas.microsoft.com/office/drawing/2014/main" id="{B863CCCE-2671-4EE4-B1FE-5A4E6BE234FF}"/>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63500</xdr:rowOff>
    </xdr:from>
    <xdr:to>
      <xdr:col>116</xdr:col>
      <xdr:colOff>62864</xdr:colOff>
      <xdr:row>41</xdr:row>
      <xdr:rowOff>143510</xdr:rowOff>
    </xdr:to>
    <xdr:cxnSp macro="">
      <xdr:nvCxnSpPr>
        <xdr:cNvPr id="578" name="直線コネクタ 577">
          <a:extLst>
            <a:ext uri="{FF2B5EF4-FFF2-40B4-BE49-F238E27FC236}">
              <a16:creationId xmlns:a16="http://schemas.microsoft.com/office/drawing/2014/main" id="{67604EF2-4CC5-46E9-9888-BB058DCCC49D}"/>
            </a:ext>
          </a:extLst>
        </xdr:cNvPr>
        <xdr:cNvCxnSpPr/>
      </xdr:nvCxnSpPr>
      <xdr:spPr>
        <a:xfrm flipV="1">
          <a:off x="22160864" y="589280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47337</xdr:rowOff>
    </xdr:from>
    <xdr:ext cx="469744" cy="259045"/>
    <xdr:sp macro="" textlink="">
      <xdr:nvSpPr>
        <xdr:cNvPr id="579" name="【認定こども園・幼稚園・保育所】&#10;一人当たり面積最小値テキスト">
          <a:extLst>
            <a:ext uri="{FF2B5EF4-FFF2-40B4-BE49-F238E27FC236}">
              <a16:creationId xmlns:a16="http://schemas.microsoft.com/office/drawing/2014/main" id="{67A348D1-3B47-43FF-941E-4C7EBB7A5C99}"/>
            </a:ext>
          </a:extLst>
        </xdr:cNvPr>
        <xdr:cNvSpPr txBox="1"/>
      </xdr:nvSpPr>
      <xdr:spPr>
        <a:xfrm>
          <a:off x="22199600" y="7176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43510</xdr:rowOff>
    </xdr:from>
    <xdr:to>
      <xdr:col>116</xdr:col>
      <xdr:colOff>152400</xdr:colOff>
      <xdr:row>41</xdr:row>
      <xdr:rowOff>143510</xdr:rowOff>
    </xdr:to>
    <xdr:cxnSp macro="">
      <xdr:nvCxnSpPr>
        <xdr:cNvPr id="580" name="直線コネクタ 579">
          <a:extLst>
            <a:ext uri="{FF2B5EF4-FFF2-40B4-BE49-F238E27FC236}">
              <a16:creationId xmlns:a16="http://schemas.microsoft.com/office/drawing/2014/main" id="{00DCF067-B128-414D-AF6C-6E3234A729E8}"/>
            </a:ext>
          </a:extLst>
        </xdr:cNvPr>
        <xdr:cNvCxnSpPr/>
      </xdr:nvCxnSpPr>
      <xdr:spPr>
        <a:xfrm>
          <a:off x="22072600" y="7172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0177</xdr:rowOff>
    </xdr:from>
    <xdr:ext cx="469744" cy="259045"/>
    <xdr:sp macro="" textlink="">
      <xdr:nvSpPr>
        <xdr:cNvPr id="581" name="【認定こども園・幼稚園・保育所】&#10;一人当たり面積最大値テキスト">
          <a:extLst>
            <a:ext uri="{FF2B5EF4-FFF2-40B4-BE49-F238E27FC236}">
              <a16:creationId xmlns:a16="http://schemas.microsoft.com/office/drawing/2014/main" id="{D66C4360-8744-4396-9647-7E844DE85722}"/>
            </a:ext>
          </a:extLst>
        </xdr:cNvPr>
        <xdr:cNvSpPr txBox="1"/>
      </xdr:nvSpPr>
      <xdr:spPr>
        <a:xfrm>
          <a:off x="22199600" y="566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63500</xdr:rowOff>
    </xdr:from>
    <xdr:to>
      <xdr:col>116</xdr:col>
      <xdr:colOff>152400</xdr:colOff>
      <xdr:row>34</xdr:row>
      <xdr:rowOff>63500</xdr:rowOff>
    </xdr:to>
    <xdr:cxnSp macro="">
      <xdr:nvCxnSpPr>
        <xdr:cNvPr id="582" name="直線コネクタ 581">
          <a:extLst>
            <a:ext uri="{FF2B5EF4-FFF2-40B4-BE49-F238E27FC236}">
              <a16:creationId xmlns:a16="http://schemas.microsoft.com/office/drawing/2014/main" id="{FDB252E5-E0D8-4C94-BD08-B387DB7C7263}"/>
            </a:ext>
          </a:extLst>
        </xdr:cNvPr>
        <xdr:cNvCxnSpPr/>
      </xdr:nvCxnSpPr>
      <xdr:spPr>
        <a:xfrm>
          <a:off x="22072600" y="58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3207</xdr:rowOff>
    </xdr:from>
    <xdr:ext cx="469744" cy="259045"/>
    <xdr:sp macro="" textlink="">
      <xdr:nvSpPr>
        <xdr:cNvPr id="583" name="【認定こども園・幼稚園・保育所】&#10;一人当たり面積平均値テキスト">
          <a:extLst>
            <a:ext uri="{FF2B5EF4-FFF2-40B4-BE49-F238E27FC236}">
              <a16:creationId xmlns:a16="http://schemas.microsoft.com/office/drawing/2014/main" id="{1FE5C3D0-0B46-420F-ACEA-0C0FBD74A097}"/>
            </a:ext>
          </a:extLst>
        </xdr:cNvPr>
        <xdr:cNvSpPr txBox="1"/>
      </xdr:nvSpPr>
      <xdr:spPr>
        <a:xfrm>
          <a:off x="22199600" y="66383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0330</xdr:rowOff>
    </xdr:from>
    <xdr:to>
      <xdr:col>116</xdr:col>
      <xdr:colOff>114300</xdr:colOff>
      <xdr:row>40</xdr:row>
      <xdr:rowOff>30480</xdr:rowOff>
    </xdr:to>
    <xdr:sp macro="" textlink="">
      <xdr:nvSpPr>
        <xdr:cNvPr id="584" name="フローチャート: 判断 583">
          <a:extLst>
            <a:ext uri="{FF2B5EF4-FFF2-40B4-BE49-F238E27FC236}">
              <a16:creationId xmlns:a16="http://schemas.microsoft.com/office/drawing/2014/main" id="{DC7BABFF-67EC-4EF8-93D2-220439AFCA92}"/>
            </a:ext>
          </a:extLst>
        </xdr:cNvPr>
        <xdr:cNvSpPr/>
      </xdr:nvSpPr>
      <xdr:spPr>
        <a:xfrm>
          <a:off x="22110700" y="678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33350</xdr:rowOff>
    </xdr:from>
    <xdr:to>
      <xdr:col>112</xdr:col>
      <xdr:colOff>38100</xdr:colOff>
      <xdr:row>40</xdr:row>
      <xdr:rowOff>63500</xdr:rowOff>
    </xdr:to>
    <xdr:sp macro="" textlink="">
      <xdr:nvSpPr>
        <xdr:cNvPr id="585" name="フローチャート: 判断 584">
          <a:extLst>
            <a:ext uri="{FF2B5EF4-FFF2-40B4-BE49-F238E27FC236}">
              <a16:creationId xmlns:a16="http://schemas.microsoft.com/office/drawing/2014/main" id="{FEE19D6D-0BB9-44E3-9335-C50E898FD19E}"/>
            </a:ext>
          </a:extLst>
        </xdr:cNvPr>
        <xdr:cNvSpPr/>
      </xdr:nvSpPr>
      <xdr:spPr>
        <a:xfrm>
          <a:off x="212725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11760</xdr:rowOff>
    </xdr:from>
    <xdr:to>
      <xdr:col>107</xdr:col>
      <xdr:colOff>101600</xdr:colOff>
      <xdr:row>40</xdr:row>
      <xdr:rowOff>41910</xdr:rowOff>
    </xdr:to>
    <xdr:sp macro="" textlink="">
      <xdr:nvSpPr>
        <xdr:cNvPr id="586" name="フローチャート: 判断 585">
          <a:extLst>
            <a:ext uri="{FF2B5EF4-FFF2-40B4-BE49-F238E27FC236}">
              <a16:creationId xmlns:a16="http://schemas.microsoft.com/office/drawing/2014/main" id="{41E5F2CB-5CA3-4C7F-9AA0-068463F7880E}"/>
            </a:ext>
          </a:extLst>
        </xdr:cNvPr>
        <xdr:cNvSpPr/>
      </xdr:nvSpPr>
      <xdr:spPr>
        <a:xfrm>
          <a:off x="20383500" y="6798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52400</xdr:rowOff>
    </xdr:from>
    <xdr:to>
      <xdr:col>102</xdr:col>
      <xdr:colOff>165100</xdr:colOff>
      <xdr:row>40</xdr:row>
      <xdr:rowOff>82550</xdr:rowOff>
    </xdr:to>
    <xdr:sp macro="" textlink="">
      <xdr:nvSpPr>
        <xdr:cNvPr id="587" name="フローチャート: 判断 586">
          <a:extLst>
            <a:ext uri="{FF2B5EF4-FFF2-40B4-BE49-F238E27FC236}">
              <a16:creationId xmlns:a16="http://schemas.microsoft.com/office/drawing/2014/main" id="{D7AF4CDE-1A2D-4AD5-A086-B361B47D5FE0}"/>
            </a:ext>
          </a:extLst>
        </xdr:cNvPr>
        <xdr:cNvSpPr/>
      </xdr:nvSpPr>
      <xdr:spPr>
        <a:xfrm>
          <a:off x="19494500" y="6838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46050</xdr:rowOff>
    </xdr:from>
    <xdr:to>
      <xdr:col>98</xdr:col>
      <xdr:colOff>38100</xdr:colOff>
      <xdr:row>40</xdr:row>
      <xdr:rowOff>76200</xdr:rowOff>
    </xdr:to>
    <xdr:sp macro="" textlink="">
      <xdr:nvSpPr>
        <xdr:cNvPr id="588" name="フローチャート: 判断 587">
          <a:extLst>
            <a:ext uri="{FF2B5EF4-FFF2-40B4-BE49-F238E27FC236}">
              <a16:creationId xmlns:a16="http://schemas.microsoft.com/office/drawing/2014/main" id="{F3C641EF-3A35-4315-B982-67EF7964F4EF}"/>
            </a:ext>
          </a:extLst>
        </xdr:cNvPr>
        <xdr:cNvSpPr/>
      </xdr:nvSpPr>
      <xdr:spPr>
        <a:xfrm>
          <a:off x="18605500" y="683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23FCE318-B650-4DEA-A4AF-36C50D1B06E8}"/>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5157F226-0BF2-4C25-A5A5-CFF165C6964F}"/>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83833EF8-43E3-4F27-9D3B-11AA3A6E8632}"/>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2" name="テキスト ボックス 591">
          <a:extLst>
            <a:ext uri="{FF2B5EF4-FFF2-40B4-BE49-F238E27FC236}">
              <a16:creationId xmlns:a16="http://schemas.microsoft.com/office/drawing/2014/main" id="{83F07401-4744-4028-B8A7-4C303F3EF58C}"/>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3" name="テキスト ボックス 592">
          <a:extLst>
            <a:ext uri="{FF2B5EF4-FFF2-40B4-BE49-F238E27FC236}">
              <a16:creationId xmlns:a16="http://schemas.microsoft.com/office/drawing/2014/main" id="{CE168AB1-DC1B-4FED-9F49-EA86B672E657}"/>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42240</xdr:rowOff>
    </xdr:from>
    <xdr:to>
      <xdr:col>116</xdr:col>
      <xdr:colOff>114300</xdr:colOff>
      <xdr:row>41</xdr:row>
      <xdr:rowOff>72390</xdr:rowOff>
    </xdr:to>
    <xdr:sp macro="" textlink="">
      <xdr:nvSpPr>
        <xdr:cNvPr id="594" name="楕円 593">
          <a:extLst>
            <a:ext uri="{FF2B5EF4-FFF2-40B4-BE49-F238E27FC236}">
              <a16:creationId xmlns:a16="http://schemas.microsoft.com/office/drawing/2014/main" id="{945BD0A6-0A8D-4317-B008-4A87DF3E38BF}"/>
            </a:ext>
          </a:extLst>
        </xdr:cNvPr>
        <xdr:cNvSpPr/>
      </xdr:nvSpPr>
      <xdr:spPr>
        <a:xfrm>
          <a:off x="22110700" y="7000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7167</xdr:rowOff>
    </xdr:from>
    <xdr:ext cx="469744" cy="259045"/>
    <xdr:sp macro="" textlink="">
      <xdr:nvSpPr>
        <xdr:cNvPr id="595" name="【認定こども園・幼稚園・保育所】&#10;一人当たり面積該当値テキスト">
          <a:extLst>
            <a:ext uri="{FF2B5EF4-FFF2-40B4-BE49-F238E27FC236}">
              <a16:creationId xmlns:a16="http://schemas.microsoft.com/office/drawing/2014/main" id="{86433602-E10A-43FB-A586-719CEEA97F42}"/>
            </a:ext>
          </a:extLst>
        </xdr:cNvPr>
        <xdr:cNvSpPr txBox="1"/>
      </xdr:nvSpPr>
      <xdr:spPr>
        <a:xfrm>
          <a:off x="22199600" y="6915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44780</xdr:rowOff>
    </xdr:from>
    <xdr:to>
      <xdr:col>112</xdr:col>
      <xdr:colOff>38100</xdr:colOff>
      <xdr:row>41</xdr:row>
      <xdr:rowOff>74930</xdr:rowOff>
    </xdr:to>
    <xdr:sp macro="" textlink="">
      <xdr:nvSpPr>
        <xdr:cNvPr id="596" name="楕円 595">
          <a:extLst>
            <a:ext uri="{FF2B5EF4-FFF2-40B4-BE49-F238E27FC236}">
              <a16:creationId xmlns:a16="http://schemas.microsoft.com/office/drawing/2014/main" id="{53F285C4-D12A-4B6A-9F9D-5D325218EAC0}"/>
            </a:ext>
          </a:extLst>
        </xdr:cNvPr>
        <xdr:cNvSpPr/>
      </xdr:nvSpPr>
      <xdr:spPr>
        <a:xfrm>
          <a:off x="21272500" y="7002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21590</xdr:rowOff>
    </xdr:from>
    <xdr:to>
      <xdr:col>116</xdr:col>
      <xdr:colOff>63500</xdr:colOff>
      <xdr:row>41</xdr:row>
      <xdr:rowOff>24130</xdr:rowOff>
    </xdr:to>
    <xdr:cxnSp macro="">
      <xdr:nvCxnSpPr>
        <xdr:cNvPr id="597" name="直線コネクタ 596">
          <a:extLst>
            <a:ext uri="{FF2B5EF4-FFF2-40B4-BE49-F238E27FC236}">
              <a16:creationId xmlns:a16="http://schemas.microsoft.com/office/drawing/2014/main" id="{64375655-5E87-47E7-81D4-452BD74E16FA}"/>
            </a:ext>
          </a:extLst>
        </xdr:cNvPr>
        <xdr:cNvCxnSpPr/>
      </xdr:nvCxnSpPr>
      <xdr:spPr>
        <a:xfrm flipV="1">
          <a:off x="21323300" y="7051040"/>
          <a:ext cx="8382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47320</xdr:rowOff>
    </xdr:from>
    <xdr:to>
      <xdr:col>107</xdr:col>
      <xdr:colOff>101600</xdr:colOff>
      <xdr:row>41</xdr:row>
      <xdr:rowOff>77470</xdr:rowOff>
    </xdr:to>
    <xdr:sp macro="" textlink="">
      <xdr:nvSpPr>
        <xdr:cNvPr id="598" name="楕円 597">
          <a:extLst>
            <a:ext uri="{FF2B5EF4-FFF2-40B4-BE49-F238E27FC236}">
              <a16:creationId xmlns:a16="http://schemas.microsoft.com/office/drawing/2014/main" id="{60DAE396-6B0B-4164-8FEF-347A173B483C}"/>
            </a:ext>
          </a:extLst>
        </xdr:cNvPr>
        <xdr:cNvSpPr/>
      </xdr:nvSpPr>
      <xdr:spPr>
        <a:xfrm>
          <a:off x="20383500" y="7005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24130</xdr:rowOff>
    </xdr:from>
    <xdr:to>
      <xdr:col>111</xdr:col>
      <xdr:colOff>177800</xdr:colOff>
      <xdr:row>41</xdr:row>
      <xdr:rowOff>26670</xdr:rowOff>
    </xdr:to>
    <xdr:cxnSp macro="">
      <xdr:nvCxnSpPr>
        <xdr:cNvPr id="599" name="直線コネクタ 598">
          <a:extLst>
            <a:ext uri="{FF2B5EF4-FFF2-40B4-BE49-F238E27FC236}">
              <a16:creationId xmlns:a16="http://schemas.microsoft.com/office/drawing/2014/main" id="{5E5FCA7D-8A53-43AF-94F5-C713D3CB7D87}"/>
            </a:ext>
          </a:extLst>
        </xdr:cNvPr>
        <xdr:cNvCxnSpPr/>
      </xdr:nvCxnSpPr>
      <xdr:spPr>
        <a:xfrm flipV="1">
          <a:off x="20434300" y="705358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51130</xdr:rowOff>
    </xdr:from>
    <xdr:to>
      <xdr:col>102</xdr:col>
      <xdr:colOff>165100</xdr:colOff>
      <xdr:row>41</xdr:row>
      <xdr:rowOff>81280</xdr:rowOff>
    </xdr:to>
    <xdr:sp macro="" textlink="">
      <xdr:nvSpPr>
        <xdr:cNvPr id="600" name="楕円 599">
          <a:extLst>
            <a:ext uri="{FF2B5EF4-FFF2-40B4-BE49-F238E27FC236}">
              <a16:creationId xmlns:a16="http://schemas.microsoft.com/office/drawing/2014/main" id="{B2088F2E-6502-4910-9528-F72975E0BC58}"/>
            </a:ext>
          </a:extLst>
        </xdr:cNvPr>
        <xdr:cNvSpPr/>
      </xdr:nvSpPr>
      <xdr:spPr>
        <a:xfrm>
          <a:off x="19494500" y="700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26670</xdr:rowOff>
    </xdr:from>
    <xdr:to>
      <xdr:col>107</xdr:col>
      <xdr:colOff>50800</xdr:colOff>
      <xdr:row>41</xdr:row>
      <xdr:rowOff>30480</xdr:rowOff>
    </xdr:to>
    <xdr:cxnSp macro="">
      <xdr:nvCxnSpPr>
        <xdr:cNvPr id="601" name="直線コネクタ 600">
          <a:extLst>
            <a:ext uri="{FF2B5EF4-FFF2-40B4-BE49-F238E27FC236}">
              <a16:creationId xmlns:a16="http://schemas.microsoft.com/office/drawing/2014/main" id="{7F8DE38C-B18A-4C65-9A6C-27C2A119ECED}"/>
            </a:ext>
          </a:extLst>
        </xdr:cNvPr>
        <xdr:cNvCxnSpPr/>
      </xdr:nvCxnSpPr>
      <xdr:spPr>
        <a:xfrm flipV="1">
          <a:off x="19545300" y="705612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53670</xdr:rowOff>
    </xdr:from>
    <xdr:to>
      <xdr:col>98</xdr:col>
      <xdr:colOff>38100</xdr:colOff>
      <xdr:row>41</xdr:row>
      <xdr:rowOff>83820</xdr:rowOff>
    </xdr:to>
    <xdr:sp macro="" textlink="">
      <xdr:nvSpPr>
        <xdr:cNvPr id="602" name="楕円 601">
          <a:extLst>
            <a:ext uri="{FF2B5EF4-FFF2-40B4-BE49-F238E27FC236}">
              <a16:creationId xmlns:a16="http://schemas.microsoft.com/office/drawing/2014/main" id="{CFAC1DD1-100E-48A8-B23A-C601B46CE759}"/>
            </a:ext>
          </a:extLst>
        </xdr:cNvPr>
        <xdr:cNvSpPr/>
      </xdr:nvSpPr>
      <xdr:spPr>
        <a:xfrm>
          <a:off x="18605500" y="7011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30480</xdr:rowOff>
    </xdr:from>
    <xdr:to>
      <xdr:col>102</xdr:col>
      <xdr:colOff>114300</xdr:colOff>
      <xdr:row>41</xdr:row>
      <xdr:rowOff>33020</xdr:rowOff>
    </xdr:to>
    <xdr:cxnSp macro="">
      <xdr:nvCxnSpPr>
        <xdr:cNvPr id="603" name="直線コネクタ 602">
          <a:extLst>
            <a:ext uri="{FF2B5EF4-FFF2-40B4-BE49-F238E27FC236}">
              <a16:creationId xmlns:a16="http://schemas.microsoft.com/office/drawing/2014/main" id="{18D5EACE-021C-4E00-AB8D-72931967F8AA}"/>
            </a:ext>
          </a:extLst>
        </xdr:cNvPr>
        <xdr:cNvCxnSpPr/>
      </xdr:nvCxnSpPr>
      <xdr:spPr>
        <a:xfrm flipV="1">
          <a:off x="18656300" y="705993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80027</xdr:rowOff>
    </xdr:from>
    <xdr:ext cx="469744" cy="259045"/>
    <xdr:sp macro="" textlink="">
      <xdr:nvSpPr>
        <xdr:cNvPr id="604" name="n_1aveValue【認定こども園・幼稚園・保育所】&#10;一人当たり面積">
          <a:extLst>
            <a:ext uri="{FF2B5EF4-FFF2-40B4-BE49-F238E27FC236}">
              <a16:creationId xmlns:a16="http://schemas.microsoft.com/office/drawing/2014/main" id="{A819F686-3EFD-44BD-9B04-444358C8D026}"/>
            </a:ext>
          </a:extLst>
        </xdr:cNvPr>
        <xdr:cNvSpPr txBox="1"/>
      </xdr:nvSpPr>
      <xdr:spPr>
        <a:xfrm>
          <a:off x="21075727" y="659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58437</xdr:rowOff>
    </xdr:from>
    <xdr:ext cx="469744" cy="259045"/>
    <xdr:sp macro="" textlink="">
      <xdr:nvSpPr>
        <xdr:cNvPr id="605" name="n_2aveValue【認定こども園・幼稚園・保育所】&#10;一人当たり面積">
          <a:extLst>
            <a:ext uri="{FF2B5EF4-FFF2-40B4-BE49-F238E27FC236}">
              <a16:creationId xmlns:a16="http://schemas.microsoft.com/office/drawing/2014/main" id="{AEB8D168-7554-44FE-AEC0-E02B28067392}"/>
            </a:ext>
          </a:extLst>
        </xdr:cNvPr>
        <xdr:cNvSpPr txBox="1"/>
      </xdr:nvSpPr>
      <xdr:spPr>
        <a:xfrm>
          <a:off x="20199427" y="6573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99077</xdr:rowOff>
    </xdr:from>
    <xdr:ext cx="469744" cy="259045"/>
    <xdr:sp macro="" textlink="">
      <xdr:nvSpPr>
        <xdr:cNvPr id="606" name="n_3aveValue【認定こども園・幼稚園・保育所】&#10;一人当たり面積">
          <a:extLst>
            <a:ext uri="{FF2B5EF4-FFF2-40B4-BE49-F238E27FC236}">
              <a16:creationId xmlns:a16="http://schemas.microsoft.com/office/drawing/2014/main" id="{D1A8668D-31B3-449B-8C5A-3BEF892359A1}"/>
            </a:ext>
          </a:extLst>
        </xdr:cNvPr>
        <xdr:cNvSpPr txBox="1"/>
      </xdr:nvSpPr>
      <xdr:spPr>
        <a:xfrm>
          <a:off x="19310427" y="6614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92727</xdr:rowOff>
    </xdr:from>
    <xdr:ext cx="469744" cy="259045"/>
    <xdr:sp macro="" textlink="">
      <xdr:nvSpPr>
        <xdr:cNvPr id="607" name="n_4aveValue【認定こども園・幼稚園・保育所】&#10;一人当たり面積">
          <a:extLst>
            <a:ext uri="{FF2B5EF4-FFF2-40B4-BE49-F238E27FC236}">
              <a16:creationId xmlns:a16="http://schemas.microsoft.com/office/drawing/2014/main" id="{A4F6B6C4-B23E-42C1-A019-EB8BD9A45B89}"/>
            </a:ext>
          </a:extLst>
        </xdr:cNvPr>
        <xdr:cNvSpPr txBox="1"/>
      </xdr:nvSpPr>
      <xdr:spPr>
        <a:xfrm>
          <a:off x="18421427" y="660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6057</xdr:rowOff>
    </xdr:from>
    <xdr:ext cx="469744" cy="259045"/>
    <xdr:sp macro="" textlink="">
      <xdr:nvSpPr>
        <xdr:cNvPr id="608" name="n_1mainValue【認定こども園・幼稚園・保育所】&#10;一人当たり面積">
          <a:extLst>
            <a:ext uri="{FF2B5EF4-FFF2-40B4-BE49-F238E27FC236}">
              <a16:creationId xmlns:a16="http://schemas.microsoft.com/office/drawing/2014/main" id="{37DF1DE2-332D-49F3-8DF4-5EC83BA0020D}"/>
            </a:ext>
          </a:extLst>
        </xdr:cNvPr>
        <xdr:cNvSpPr txBox="1"/>
      </xdr:nvSpPr>
      <xdr:spPr>
        <a:xfrm>
          <a:off x="21075727" y="7095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8597</xdr:rowOff>
    </xdr:from>
    <xdr:ext cx="469744" cy="259045"/>
    <xdr:sp macro="" textlink="">
      <xdr:nvSpPr>
        <xdr:cNvPr id="609" name="n_2mainValue【認定こども園・幼稚園・保育所】&#10;一人当たり面積">
          <a:extLst>
            <a:ext uri="{FF2B5EF4-FFF2-40B4-BE49-F238E27FC236}">
              <a16:creationId xmlns:a16="http://schemas.microsoft.com/office/drawing/2014/main" id="{BAC9CF68-6A9D-433B-9A61-554EACFE94C4}"/>
            </a:ext>
          </a:extLst>
        </xdr:cNvPr>
        <xdr:cNvSpPr txBox="1"/>
      </xdr:nvSpPr>
      <xdr:spPr>
        <a:xfrm>
          <a:off x="20199427" y="709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72407</xdr:rowOff>
    </xdr:from>
    <xdr:ext cx="469744" cy="259045"/>
    <xdr:sp macro="" textlink="">
      <xdr:nvSpPr>
        <xdr:cNvPr id="610" name="n_3mainValue【認定こども園・幼稚園・保育所】&#10;一人当たり面積">
          <a:extLst>
            <a:ext uri="{FF2B5EF4-FFF2-40B4-BE49-F238E27FC236}">
              <a16:creationId xmlns:a16="http://schemas.microsoft.com/office/drawing/2014/main" id="{248C8799-F78E-4819-8B17-A377CB993A9E}"/>
            </a:ext>
          </a:extLst>
        </xdr:cNvPr>
        <xdr:cNvSpPr txBox="1"/>
      </xdr:nvSpPr>
      <xdr:spPr>
        <a:xfrm>
          <a:off x="19310427" y="7101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74947</xdr:rowOff>
    </xdr:from>
    <xdr:ext cx="469744" cy="259045"/>
    <xdr:sp macro="" textlink="">
      <xdr:nvSpPr>
        <xdr:cNvPr id="611" name="n_4mainValue【認定こども園・幼稚園・保育所】&#10;一人当たり面積">
          <a:extLst>
            <a:ext uri="{FF2B5EF4-FFF2-40B4-BE49-F238E27FC236}">
              <a16:creationId xmlns:a16="http://schemas.microsoft.com/office/drawing/2014/main" id="{19AAAD6D-C0D7-45E5-B658-0E2F195ACDB5}"/>
            </a:ext>
          </a:extLst>
        </xdr:cNvPr>
        <xdr:cNvSpPr txBox="1"/>
      </xdr:nvSpPr>
      <xdr:spPr>
        <a:xfrm>
          <a:off x="18421427" y="7104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2" name="正方形/長方形 611">
          <a:extLst>
            <a:ext uri="{FF2B5EF4-FFF2-40B4-BE49-F238E27FC236}">
              <a16:creationId xmlns:a16="http://schemas.microsoft.com/office/drawing/2014/main" id="{3AB9C250-1AB7-4DB7-B0CE-8EC36F0B76DD}"/>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3" name="正方形/長方形 612">
          <a:extLst>
            <a:ext uri="{FF2B5EF4-FFF2-40B4-BE49-F238E27FC236}">
              <a16:creationId xmlns:a16="http://schemas.microsoft.com/office/drawing/2014/main" id="{DD3B08D4-59F7-4220-8746-D460F6E6E93E}"/>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4" name="正方形/長方形 613">
          <a:extLst>
            <a:ext uri="{FF2B5EF4-FFF2-40B4-BE49-F238E27FC236}">
              <a16:creationId xmlns:a16="http://schemas.microsoft.com/office/drawing/2014/main" id="{6F9E03DA-5492-47EC-84A2-284B46ECA974}"/>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5" name="正方形/長方形 614">
          <a:extLst>
            <a:ext uri="{FF2B5EF4-FFF2-40B4-BE49-F238E27FC236}">
              <a16:creationId xmlns:a16="http://schemas.microsoft.com/office/drawing/2014/main" id="{A739C370-12EC-4922-A714-2D9FC1C941F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6" name="正方形/長方形 615">
          <a:extLst>
            <a:ext uri="{FF2B5EF4-FFF2-40B4-BE49-F238E27FC236}">
              <a16:creationId xmlns:a16="http://schemas.microsoft.com/office/drawing/2014/main" id="{C79829B6-CB8F-4F37-BA12-CC0C9E24D9B0}"/>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7" name="正方形/長方形 616">
          <a:extLst>
            <a:ext uri="{FF2B5EF4-FFF2-40B4-BE49-F238E27FC236}">
              <a16:creationId xmlns:a16="http://schemas.microsoft.com/office/drawing/2014/main" id="{6CD2022C-8C7A-4E4A-96DC-2B5391E8279D}"/>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8" name="正方形/長方形 617">
          <a:extLst>
            <a:ext uri="{FF2B5EF4-FFF2-40B4-BE49-F238E27FC236}">
              <a16:creationId xmlns:a16="http://schemas.microsoft.com/office/drawing/2014/main" id="{00A6F5C9-1F12-43E5-8FD5-29E4A9E73642}"/>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9" name="正方形/長方形 618">
          <a:extLst>
            <a:ext uri="{FF2B5EF4-FFF2-40B4-BE49-F238E27FC236}">
              <a16:creationId xmlns:a16="http://schemas.microsoft.com/office/drawing/2014/main" id="{AE952673-AE24-444F-B5A3-D6B30856B4C1}"/>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20" name="テキスト ボックス 619">
          <a:extLst>
            <a:ext uri="{FF2B5EF4-FFF2-40B4-BE49-F238E27FC236}">
              <a16:creationId xmlns:a16="http://schemas.microsoft.com/office/drawing/2014/main" id="{584DB919-3D8F-4229-AA93-5B2C14961B51}"/>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1" name="直線コネクタ 620">
          <a:extLst>
            <a:ext uri="{FF2B5EF4-FFF2-40B4-BE49-F238E27FC236}">
              <a16:creationId xmlns:a16="http://schemas.microsoft.com/office/drawing/2014/main" id="{AA467696-BBE9-4965-A243-160BE75E44F5}"/>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2" name="テキスト ボックス 621">
          <a:extLst>
            <a:ext uri="{FF2B5EF4-FFF2-40B4-BE49-F238E27FC236}">
              <a16:creationId xmlns:a16="http://schemas.microsoft.com/office/drawing/2014/main" id="{B538D815-62F7-4EF8-B07E-9ED127880E9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23" name="直線コネクタ 622">
          <a:extLst>
            <a:ext uri="{FF2B5EF4-FFF2-40B4-BE49-F238E27FC236}">
              <a16:creationId xmlns:a16="http://schemas.microsoft.com/office/drawing/2014/main" id="{138C9AEB-9056-4C06-B1E2-B508023B726F}"/>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24" name="テキスト ボックス 623">
          <a:extLst>
            <a:ext uri="{FF2B5EF4-FFF2-40B4-BE49-F238E27FC236}">
              <a16:creationId xmlns:a16="http://schemas.microsoft.com/office/drawing/2014/main" id="{321D8A7A-9458-41F7-A553-7D0D634EE90C}"/>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25" name="直線コネクタ 624">
          <a:extLst>
            <a:ext uri="{FF2B5EF4-FFF2-40B4-BE49-F238E27FC236}">
              <a16:creationId xmlns:a16="http://schemas.microsoft.com/office/drawing/2014/main" id="{13F02F75-518C-4CE6-AC18-0E0ACA0F59D8}"/>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26" name="テキスト ボックス 625">
          <a:extLst>
            <a:ext uri="{FF2B5EF4-FFF2-40B4-BE49-F238E27FC236}">
              <a16:creationId xmlns:a16="http://schemas.microsoft.com/office/drawing/2014/main" id="{D3E49BA5-81DA-4CC2-87E5-05C02E5EA8F7}"/>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27" name="直線コネクタ 626">
          <a:extLst>
            <a:ext uri="{FF2B5EF4-FFF2-40B4-BE49-F238E27FC236}">
              <a16:creationId xmlns:a16="http://schemas.microsoft.com/office/drawing/2014/main" id="{59908513-EC23-41A9-B8DE-00B2A8A458F6}"/>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28" name="テキスト ボックス 627">
          <a:extLst>
            <a:ext uri="{FF2B5EF4-FFF2-40B4-BE49-F238E27FC236}">
              <a16:creationId xmlns:a16="http://schemas.microsoft.com/office/drawing/2014/main" id="{930E1808-F2FF-4141-98A5-92A6FCEB7B7C}"/>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9" name="直線コネクタ 628">
          <a:extLst>
            <a:ext uri="{FF2B5EF4-FFF2-40B4-BE49-F238E27FC236}">
              <a16:creationId xmlns:a16="http://schemas.microsoft.com/office/drawing/2014/main" id="{16F91517-B5E4-4335-9363-02900CCB70AD}"/>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30" name="テキスト ボックス 629">
          <a:extLst>
            <a:ext uri="{FF2B5EF4-FFF2-40B4-BE49-F238E27FC236}">
              <a16:creationId xmlns:a16="http://schemas.microsoft.com/office/drawing/2014/main" id="{96E4484C-1E85-4DAB-8C92-B1D3A17AE56D}"/>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31" name="直線コネクタ 630">
          <a:extLst>
            <a:ext uri="{FF2B5EF4-FFF2-40B4-BE49-F238E27FC236}">
              <a16:creationId xmlns:a16="http://schemas.microsoft.com/office/drawing/2014/main" id="{C4EAC983-FB93-4B83-9D04-20B98FC574BC}"/>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32" name="テキスト ボックス 631">
          <a:extLst>
            <a:ext uri="{FF2B5EF4-FFF2-40B4-BE49-F238E27FC236}">
              <a16:creationId xmlns:a16="http://schemas.microsoft.com/office/drawing/2014/main" id="{44664E20-8CBD-4EC8-9CBE-E66077ED09DB}"/>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3" name="直線コネクタ 632">
          <a:extLst>
            <a:ext uri="{FF2B5EF4-FFF2-40B4-BE49-F238E27FC236}">
              <a16:creationId xmlns:a16="http://schemas.microsoft.com/office/drawing/2014/main" id="{272B29BE-1672-46D6-8434-4F020D1794C7}"/>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34" name="テキスト ボックス 633">
          <a:extLst>
            <a:ext uri="{FF2B5EF4-FFF2-40B4-BE49-F238E27FC236}">
              <a16:creationId xmlns:a16="http://schemas.microsoft.com/office/drawing/2014/main" id="{2961046D-F976-4CC2-B316-1820F345B68A}"/>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5" name="【学校施設】&#10;有形固定資産減価償却率グラフ枠">
          <a:extLst>
            <a:ext uri="{FF2B5EF4-FFF2-40B4-BE49-F238E27FC236}">
              <a16:creationId xmlns:a16="http://schemas.microsoft.com/office/drawing/2014/main" id="{4CC35211-4F3D-476F-9903-45EA29F8EE78}"/>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4</xdr:row>
      <xdr:rowOff>158115</xdr:rowOff>
    </xdr:from>
    <xdr:to>
      <xdr:col>85</xdr:col>
      <xdr:colOff>126364</xdr:colOff>
      <xdr:row>63</xdr:row>
      <xdr:rowOff>160020</xdr:rowOff>
    </xdr:to>
    <xdr:cxnSp macro="">
      <xdr:nvCxnSpPr>
        <xdr:cNvPr id="636" name="直線コネクタ 635">
          <a:extLst>
            <a:ext uri="{FF2B5EF4-FFF2-40B4-BE49-F238E27FC236}">
              <a16:creationId xmlns:a16="http://schemas.microsoft.com/office/drawing/2014/main" id="{19EBE2B7-1138-4E7F-BDA0-CB8CE17808E1}"/>
            </a:ext>
          </a:extLst>
        </xdr:cNvPr>
        <xdr:cNvCxnSpPr/>
      </xdr:nvCxnSpPr>
      <xdr:spPr>
        <a:xfrm flipV="1">
          <a:off x="16318864" y="9416415"/>
          <a:ext cx="0" cy="1544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63847</xdr:rowOff>
    </xdr:from>
    <xdr:ext cx="405111" cy="259045"/>
    <xdr:sp macro="" textlink="">
      <xdr:nvSpPr>
        <xdr:cNvPr id="637" name="【学校施設】&#10;有形固定資産減価償却率最小値テキスト">
          <a:extLst>
            <a:ext uri="{FF2B5EF4-FFF2-40B4-BE49-F238E27FC236}">
              <a16:creationId xmlns:a16="http://schemas.microsoft.com/office/drawing/2014/main" id="{649B8471-DB14-4BC0-8E30-27B2AF88A6A2}"/>
            </a:ext>
          </a:extLst>
        </xdr:cNvPr>
        <xdr:cNvSpPr txBox="1"/>
      </xdr:nvSpPr>
      <xdr:spPr>
        <a:xfrm>
          <a:off x="16357600" y="10965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60020</xdr:rowOff>
    </xdr:from>
    <xdr:to>
      <xdr:col>86</xdr:col>
      <xdr:colOff>25400</xdr:colOff>
      <xdr:row>63</xdr:row>
      <xdr:rowOff>160020</xdr:rowOff>
    </xdr:to>
    <xdr:cxnSp macro="">
      <xdr:nvCxnSpPr>
        <xdr:cNvPr id="638" name="直線コネクタ 637">
          <a:extLst>
            <a:ext uri="{FF2B5EF4-FFF2-40B4-BE49-F238E27FC236}">
              <a16:creationId xmlns:a16="http://schemas.microsoft.com/office/drawing/2014/main" id="{0FB01DEB-8A38-439A-9867-E921D25BBE70}"/>
            </a:ext>
          </a:extLst>
        </xdr:cNvPr>
        <xdr:cNvCxnSpPr/>
      </xdr:nvCxnSpPr>
      <xdr:spPr>
        <a:xfrm>
          <a:off x="16230600" y="10961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04792</xdr:rowOff>
    </xdr:from>
    <xdr:ext cx="405111" cy="259045"/>
    <xdr:sp macro="" textlink="">
      <xdr:nvSpPr>
        <xdr:cNvPr id="639" name="【学校施設】&#10;有形固定資産減価償却率最大値テキスト">
          <a:extLst>
            <a:ext uri="{FF2B5EF4-FFF2-40B4-BE49-F238E27FC236}">
              <a16:creationId xmlns:a16="http://schemas.microsoft.com/office/drawing/2014/main" id="{0F1B8F33-483B-49B1-AAF0-697987630446}"/>
            </a:ext>
          </a:extLst>
        </xdr:cNvPr>
        <xdr:cNvSpPr txBox="1"/>
      </xdr:nvSpPr>
      <xdr:spPr>
        <a:xfrm>
          <a:off x="16357600" y="9191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58115</xdr:rowOff>
    </xdr:from>
    <xdr:to>
      <xdr:col>86</xdr:col>
      <xdr:colOff>25400</xdr:colOff>
      <xdr:row>54</xdr:row>
      <xdr:rowOff>158115</xdr:rowOff>
    </xdr:to>
    <xdr:cxnSp macro="">
      <xdr:nvCxnSpPr>
        <xdr:cNvPr id="640" name="直線コネクタ 639">
          <a:extLst>
            <a:ext uri="{FF2B5EF4-FFF2-40B4-BE49-F238E27FC236}">
              <a16:creationId xmlns:a16="http://schemas.microsoft.com/office/drawing/2014/main" id="{CED3F69F-7D23-41CA-AC45-A3518BE039D3}"/>
            </a:ext>
          </a:extLst>
        </xdr:cNvPr>
        <xdr:cNvCxnSpPr/>
      </xdr:nvCxnSpPr>
      <xdr:spPr>
        <a:xfrm>
          <a:off x="16230600" y="9416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2557</xdr:rowOff>
    </xdr:from>
    <xdr:ext cx="405111" cy="259045"/>
    <xdr:sp macro="" textlink="">
      <xdr:nvSpPr>
        <xdr:cNvPr id="641" name="【学校施設】&#10;有形固定資産減価償却率平均値テキスト">
          <a:extLst>
            <a:ext uri="{FF2B5EF4-FFF2-40B4-BE49-F238E27FC236}">
              <a16:creationId xmlns:a16="http://schemas.microsoft.com/office/drawing/2014/main" id="{8789B9E9-BD70-4731-A63A-45CB42EC16C4}"/>
            </a:ext>
          </a:extLst>
        </xdr:cNvPr>
        <xdr:cNvSpPr txBox="1"/>
      </xdr:nvSpPr>
      <xdr:spPr>
        <a:xfrm>
          <a:off x="16357600" y="101181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1130</xdr:rowOff>
    </xdr:from>
    <xdr:to>
      <xdr:col>85</xdr:col>
      <xdr:colOff>177800</xdr:colOff>
      <xdr:row>60</xdr:row>
      <xdr:rowOff>81280</xdr:rowOff>
    </xdr:to>
    <xdr:sp macro="" textlink="">
      <xdr:nvSpPr>
        <xdr:cNvPr id="642" name="フローチャート: 判断 641">
          <a:extLst>
            <a:ext uri="{FF2B5EF4-FFF2-40B4-BE49-F238E27FC236}">
              <a16:creationId xmlns:a16="http://schemas.microsoft.com/office/drawing/2014/main" id="{D37643D0-9B43-4FCB-9910-32E4E838F553}"/>
            </a:ext>
          </a:extLst>
        </xdr:cNvPr>
        <xdr:cNvSpPr/>
      </xdr:nvSpPr>
      <xdr:spPr>
        <a:xfrm>
          <a:off x="162687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9700</xdr:rowOff>
    </xdr:from>
    <xdr:to>
      <xdr:col>81</xdr:col>
      <xdr:colOff>101600</xdr:colOff>
      <xdr:row>60</xdr:row>
      <xdr:rowOff>69850</xdr:rowOff>
    </xdr:to>
    <xdr:sp macro="" textlink="">
      <xdr:nvSpPr>
        <xdr:cNvPr id="643" name="フローチャート: 判断 642">
          <a:extLst>
            <a:ext uri="{FF2B5EF4-FFF2-40B4-BE49-F238E27FC236}">
              <a16:creationId xmlns:a16="http://schemas.microsoft.com/office/drawing/2014/main" id="{8387BF81-1CCD-401A-B321-C99A1341C8C8}"/>
            </a:ext>
          </a:extLst>
        </xdr:cNvPr>
        <xdr:cNvSpPr/>
      </xdr:nvSpPr>
      <xdr:spPr>
        <a:xfrm>
          <a:off x="15430500" y="1025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8275</xdr:rowOff>
    </xdr:from>
    <xdr:to>
      <xdr:col>76</xdr:col>
      <xdr:colOff>165100</xdr:colOff>
      <xdr:row>60</xdr:row>
      <xdr:rowOff>98425</xdr:rowOff>
    </xdr:to>
    <xdr:sp macro="" textlink="">
      <xdr:nvSpPr>
        <xdr:cNvPr id="644" name="フローチャート: 判断 643">
          <a:extLst>
            <a:ext uri="{FF2B5EF4-FFF2-40B4-BE49-F238E27FC236}">
              <a16:creationId xmlns:a16="http://schemas.microsoft.com/office/drawing/2014/main" id="{F42D6F1C-7E76-4E23-8A71-C5FCF676B395}"/>
            </a:ext>
          </a:extLst>
        </xdr:cNvPr>
        <xdr:cNvSpPr/>
      </xdr:nvSpPr>
      <xdr:spPr>
        <a:xfrm>
          <a:off x="14541500" y="1028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1605</xdr:rowOff>
    </xdr:from>
    <xdr:to>
      <xdr:col>72</xdr:col>
      <xdr:colOff>38100</xdr:colOff>
      <xdr:row>60</xdr:row>
      <xdr:rowOff>71755</xdr:rowOff>
    </xdr:to>
    <xdr:sp macro="" textlink="">
      <xdr:nvSpPr>
        <xdr:cNvPr id="645" name="フローチャート: 判断 644">
          <a:extLst>
            <a:ext uri="{FF2B5EF4-FFF2-40B4-BE49-F238E27FC236}">
              <a16:creationId xmlns:a16="http://schemas.microsoft.com/office/drawing/2014/main" id="{04A98C18-2024-4CBD-8B23-8F73D776D1E4}"/>
            </a:ext>
          </a:extLst>
        </xdr:cNvPr>
        <xdr:cNvSpPr/>
      </xdr:nvSpPr>
      <xdr:spPr>
        <a:xfrm>
          <a:off x="13652500" y="10257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97790</xdr:rowOff>
    </xdr:from>
    <xdr:to>
      <xdr:col>67</xdr:col>
      <xdr:colOff>101600</xdr:colOff>
      <xdr:row>60</xdr:row>
      <xdr:rowOff>27940</xdr:rowOff>
    </xdr:to>
    <xdr:sp macro="" textlink="">
      <xdr:nvSpPr>
        <xdr:cNvPr id="646" name="フローチャート: 判断 645">
          <a:extLst>
            <a:ext uri="{FF2B5EF4-FFF2-40B4-BE49-F238E27FC236}">
              <a16:creationId xmlns:a16="http://schemas.microsoft.com/office/drawing/2014/main" id="{1C54B8EA-A5CC-4729-816C-BF23E9902842}"/>
            </a:ext>
          </a:extLst>
        </xdr:cNvPr>
        <xdr:cNvSpPr/>
      </xdr:nvSpPr>
      <xdr:spPr>
        <a:xfrm>
          <a:off x="12763500" y="1021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id="{4122DB27-92F1-4FAA-BB9C-7C1D33698A3D}"/>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8" name="テキスト ボックス 647">
          <a:extLst>
            <a:ext uri="{FF2B5EF4-FFF2-40B4-BE49-F238E27FC236}">
              <a16:creationId xmlns:a16="http://schemas.microsoft.com/office/drawing/2014/main" id="{DD90AA15-9F98-4693-BC2C-C0C1E958D3F5}"/>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9" name="テキスト ボックス 648">
          <a:extLst>
            <a:ext uri="{FF2B5EF4-FFF2-40B4-BE49-F238E27FC236}">
              <a16:creationId xmlns:a16="http://schemas.microsoft.com/office/drawing/2014/main" id="{00375112-A696-49C3-AF3A-B7869591E67A}"/>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0" name="テキスト ボックス 649">
          <a:extLst>
            <a:ext uri="{FF2B5EF4-FFF2-40B4-BE49-F238E27FC236}">
              <a16:creationId xmlns:a16="http://schemas.microsoft.com/office/drawing/2014/main" id="{F7B6A464-625A-4D97-ACDB-73D2938AA2A4}"/>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1" name="テキスト ボックス 650">
          <a:extLst>
            <a:ext uri="{FF2B5EF4-FFF2-40B4-BE49-F238E27FC236}">
              <a16:creationId xmlns:a16="http://schemas.microsoft.com/office/drawing/2014/main" id="{F80026A3-CBBE-4F38-8A01-A550115F77BE}"/>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168275</xdr:rowOff>
    </xdr:from>
    <xdr:to>
      <xdr:col>85</xdr:col>
      <xdr:colOff>177800</xdr:colOff>
      <xdr:row>63</xdr:row>
      <xdr:rowOff>98425</xdr:rowOff>
    </xdr:to>
    <xdr:sp macro="" textlink="">
      <xdr:nvSpPr>
        <xdr:cNvPr id="652" name="楕円 651">
          <a:extLst>
            <a:ext uri="{FF2B5EF4-FFF2-40B4-BE49-F238E27FC236}">
              <a16:creationId xmlns:a16="http://schemas.microsoft.com/office/drawing/2014/main" id="{0CC20FB0-A0C5-4705-9FCA-801EFC67484D}"/>
            </a:ext>
          </a:extLst>
        </xdr:cNvPr>
        <xdr:cNvSpPr/>
      </xdr:nvSpPr>
      <xdr:spPr>
        <a:xfrm>
          <a:off x="16268700" y="10798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83202</xdr:rowOff>
    </xdr:from>
    <xdr:ext cx="405111" cy="259045"/>
    <xdr:sp macro="" textlink="">
      <xdr:nvSpPr>
        <xdr:cNvPr id="653" name="【学校施設】&#10;有形固定資産減価償却率該当値テキスト">
          <a:extLst>
            <a:ext uri="{FF2B5EF4-FFF2-40B4-BE49-F238E27FC236}">
              <a16:creationId xmlns:a16="http://schemas.microsoft.com/office/drawing/2014/main" id="{30856D3C-CDE4-45EA-96EC-EA585AAFEF49}"/>
            </a:ext>
          </a:extLst>
        </xdr:cNvPr>
        <xdr:cNvSpPr txBox="1"/>
      </xdr:nvSpPr>
      <xdr:spPr>
        <a:xfrm>
          <a:off x="16357600" y="10713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143510</xdr:rowOff>
    </xdr:from>
    <xdr:to>
      <xdr:col>81</xdr:col>
      <xdr:colOff>101600</xdr:colOff>
      <xdr:row>63</xdr:row>
      <xdr:rowOff>73660</xdr:rowOff>
    </xdr:to>
    <xdr:sp macro="" textlink="">
      <xdr:nvSpPr>
        <xdr:cNvPr id="654" name="楕円 653">
          <a:extLst>
            <a:ext uri="{FF2B5EF4-FFF2-40B4-BE49-F238E27FC236}">
              <a16:creationId xmlns:a16="http://schemas.microsoft.com/office/drawing/2014/main" id="{DB717CE6-D687-4082-B383-53B833B48913}"/>
            </a:ext>
          </a:extLst>
        </xdr:cNvPr>
        <xdr:cNvSpPr/>
      </xdr:nvSpPr>
      <xdr:spPr>
        <a:xfrm>
          <a:off x="15430500" y="1077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22860</xdr:rowOff>
    </xdr:from>
    <xdr:to>
      <xdr:col>85</xdr:col>
      <xdr:colOff>127000</xdr:colOff>
      <xdr:row>63</xdr:row>
      <xdr:rowOff>47625</xdr:rowOff>
    </xdr:to>
    <xdr:cxnSp macro="">
      <xdr:nvCxnSpPr>
        <xdr:cNvPr id="655" name="直線コネクタ 654">
          <a:extLst>
            <a:ext uri="{FF2B5EF4-FFF2-40B4-BE49-F238E27FC236}">
              <a16:creationId xmlns:a16="http://schemas.microsoft.com/office/drawing/2014/main" id="{AD7B6B5B-2582-4DF0-81B6-8B14F64E9443}"/>
            </a:ext>
          </a:extLst>
        </xdr:cNvPr>
        <xdr:cNvCxnSpPr/>
      </xdr:nvCxnSpPr>
      <xdr:spPr>
        <a:xfrm>
          <a:off x="15481300" y="10824210"/>
          <a:ext cx="8382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09220</xdr:rowOff>
    </xdr:from>
    <xdr:to>
      <xdr:col>76</xdr:col>
      <xdr:colOff>165100</xdr:colOff>
      <xdr:row>63</xdr:row>
      <xdr:rowOff>39370</xdr:rowOff>
    </xdr:to>
    <xdr:sp macro="" textlink="">
      <xdr:nvSpPr>
        <xdr:cNvPr id="656" name="楕円 655">
          <a:extLst>
            <a:ext uri="{FF2B5EF4-FFF2-40B4-BE49-F238E27FC236}">
              <a16:creationId xmlns:a16="http://schemas.microsoft.com/office/drawing/2014/main" id="{A7DDEEDC-CAF8-477F-B5AC-847B738809FE}"/>
            </a:ext>
          </a:extLst>
        </xdr:cNvPr>
        <xdr:cNvSpPr/>
      </xdr:nvSpPr>
      <xdr:spPr>
        <a:xfrm>
          <a:off x="14541500" y="1073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60020</xdr:rowOff>
    </xdr:from>
    <xdr:to>
      <xdr:col>81</xdr:col>
      <xdr:colOff>50800</xdr:colOff>
      <xdr:row>63</xdr:row>
      <xdr:rowOff>22860</xdr:rowOff>
    </xdr:to>
    <xdr:cxnSp macro="">
      <xdr:nvCxnSpPr>
        <xdr:cNvPr id="657" name="直線コネクタ 656">
          <a:extLst>
            <a:ext uri="{FF2B5EF4-FFF2-40B4-BE49-F238E27FC236}">
              <a16:creationId xmlns:a16="http://schemas.microsoft.com/office/drawing/2014/main" id="{6396D6D8-D43C-43D2-8B10-3764C42A67F2}"/>
            </a:ext>
          </a:extLst>
        </xdr:cNvPr>
        <xdr:cNvCxnSpPr/>
      </xdr:nvCxnSpPr>
      <xdr:spPr>
        <a:xfrm>
          <a:off x="14592300" y="1078992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63500</xdr:rowOff>
    </xdr:from>
    <xdr:to>
      <xdr:col>72</xdr:col>
      <xdr:colOff>38100</xdr:colOff>
      <xdr:row>62</xdr:row>
      <xdr:rowOff>165100</xdr:rowOff>
    </xdr:to>
    <xdr:sp macro="" textlink="">
      <xdr:nvSpPr>
        <xdr:cNvPr id="658" name="楕円 657">
          <a:extLst>
            <a:ext uri="{FF2B5EF4-FFF2-40B4-BE49-F238E27FC236}">
              <a16:creationId xmlns:a16="http://schemas.microsoft.com/office/drawing/2014/main" id="{14604838-8CD6-44BB-822A-DAE8BC5CE2B7}"/>
            </a:ext>
          </a:extLst>
        </xdr:cNvPr>
        <xdr:cNvSpPr/>
      </xdr:nvSpPr>
      <xdr:spPr>
        <a:xfrm>
          <a:off x="13652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14300</xdr:rowOff>
    </xdr:from>
    <xdr:to>
      <xdr:col>76</xdr:col>
      <xdr:colOff>114300</xdr:colOff>
      <xdr:row>62</xdr:row>
      <xdr:rowOff>160020</xdr:rowOff>
    </xdr:to>
    <xdr:cxnSp macro="">
      <xdr:nvCxnSpPr>
        <xdr:cNvPr id="659" name="直線コネクタ 658">
          <a:extLst>
            <a:ext uri="{FF2B5EF4-FFF2-40B4-BE49-F238E27FC236}">
              <a16:creationId xmlns:a16="http://schemas.microsoft.com/office/drawing/2014/main" id="{F429EC67-D1BA-441E-96CC-E453BD6D7570}"/>
            </a:ext>
          </a:extLst>
        </xdr:cNvPr>
        <xdr:cNvCxnSpPr/>
      </xdr:nvCxnSpPr>
      <xdr:spPr>
        <a:xfrm>
          <a:off x="13703300" y="107442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6</xdr:row>
      <xdr:rowOff>57785</xdr:rowOff>
    </xdr:from>
    <xdr:to>
      <xdr:col>67</xdr:col>
      <xdr:colOff>101600</xdr:colOff>
      <xdr:row>56</xdr:row>
      <xdr:rowOff>159385</xdr:rowOff>
    </xdr:to>
    <xdr:sp macro="" textlink="">
      <xdr:nvSpPr>
        <xdr:cNvPr id="660" name="楕円 659">
          <a:extLst>
            <a:ext uri="{FF2B5EF4-FFF2-40B4-BE49-F238E27FC236}">
              <a16:creationId xmlns:a16="http://schemas.microsoft.com/office/drawing/2014/main" id="{82FFCADE-F331-4C49-90FD-EE23E70F4455}"/>
            </a:ext>
          </a:extLst>
        </xdr:cNvPr>
        <xdr:cNvSpPr/>
      </xdr:nvSpPr>
      <xdr:spPr>
        <a:xfrm>
          <a:off x="12763500" y="9658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108585</xdr:rowOff>
    </xdr:from>
    <xdr:to>
      <xdr:col>71</xdr:col>
      <xdr:colOff>177800</xdr:colOff>
      <xdr:row>62</xdr:row>
      <xdr:rowOff>114300</xdr:rowOff>
    </xdr:to>
    <xdr:cxnSp macro="">
      <xdr:nvCxnSpPr>
        <xdr:cNvPr id="661" name="直線コネクタ 660">
          <a:extLst>
            <a:ext uri="{FF2B5EF4-FFF2-40B4-BE49-F238E27FC236}">
              <a16:creationId xmlns:a16="http://schemas.microsoft.com/office/drawing/2014/main" id="{A7DE987A-0A21-4562-A14D-78F287D376D5}"/>
            </a:ext>
          </a:extLst>
        </xdr:cNvPr>
        <xdr:cNvCxnSpPr/>
      </xdr:nvCxnSpPr>
      <xdr:spPr>
        <a:xfrm>
          <a:off x="12814300" y="9709785"/>
          <a:ext cx="889000" cy="1034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86377</xdr:rowOff>
    </xdr:from>
    <xdr:ext cx="405111" cy="259045"/>
    <xdr:sp macro="" textlink="">
      <xdr:nvSpPr>
        <xdr:cNvPr id="662" name="n_1aveValue【学校施設】&#10;有形固定資産減価償却率">
          <a:extLst>
            <a:ext uri="{FF2B5EF4-FFF2-40B4-BE49-F238E27FC236}">
              <a16:creationId xmlns:a16="http://schemas.microsoft.com/office/drawing/2014/main" id="{FB4E5196-C8EB-482B-9662-86C380CAF08E}"/>
            </a:ext>
          </a:extLst>
        </xdr:cNvPr>
        <xdr:cNvSpPr txBox="1"/>
      </xdr:nvSpPr>
      <xdr:spPr>
        <a:xfrm>
          <a:off x="15266044" y="1003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14952</xdr:rowOff>
    </xdr:from>
    <xdr:ext cx="405111" cy="259045"/>
    <xdr:sp macro="" textlink="">
      <xdr:nvSpPr>
        <xdr:cNvPr id="663" name="n_2aveValue【学校施設】&#10;有形固定資産減価償却率">
          <a:extLst>
            <a:ext uri="{FF2B5EF4-FFF2-40B4-BE49-F238E27FC236}">
              <a16:creationId xmlns:a16="http://schemas.microsoft.com/office/drawing/2014/main" id="{2E8BFD0E-1414-4736-8BDC-7CAE82AD5646}"/>
            </a:ext>
          </a:extLst>
        </xdr:cNvPr>
        <xdr:cNvSpPr txBox="1"/>
      </xdr:nvSpPr>
      <xdr:spPr>
        <a:xfrm>
          <a:off x="14389744" y="1005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88282</xdr:rowOff>
    </xdr:from>
    <xdr:ext cx="405111" cy="259045"/>
    <xdr:sp macro="" textlink="">
      <xdr:nvSpPr>
        <xdr:cNvPr id="664" name="n_3aveValue【学校施設】&#10;有形固定資産減価償却率">
          <a:extLst>
            <a:ext uri="{FF2B5EF4-FFF2-40B4-BE49-F238E27FC236}">
              <a16:creationId xmlns:a16="http://schemas.microsoft.com/office/drawing/2014/main" id="{DCC36D4E-BEA4-4971-9B3A-295ADF85FE1B}"/>
            </a:ext>
          </a:extLst>
        </xdr:cNvPr>
        <xdr:cNvSpPr txBox="1"/>
      </xdr:nvSpPr>
      <xdr:spPr>
        <a:xfrm>
          <a:off x="13500744" y="1003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9067</xdr:rowOff>
    </xdr:from>
    <xdr:ext cx="405111" cy="259045"/>
    <xdr:sp macro="" textlink="">
      <xdr:nvSpPr>
        <xdr:cNvPr id="665" name="n_4aveValue【学校施設】&#10;有形固定資産減価償却率">
          <a:extLst>
            <a:ext uri="{FF2B5EF4-FFF2-40B4-BE49-F238E27FC236}">
              <a16:creationId xmlns:a16="http://schemas.microsoft.com/office/drawing/2014/main" id="{5763C60E-A62A-4EE2-864A-7B82D8014F47}"/>
            </a:ext>
          </a:extLst>
        </xdr:cNvPr>
        <xdr:cNvSpPr txBox="1"/>
      </xdr:nvSpPr>
      <xdr:spPr>
        <a:xfrm>
          <a:off x="12611744" y="10306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64787</xdr:rowOff>
    </xdr:from>
    <xdr:ext cx="405111" cy="259045"/>
    <xdr:sp macro="" textlink="">
      <xdr:nvSpPr>
        <xdr:cNvPr id="666" name="n_1mainValue【学校施設】&#10;有形固定資産減価償却率">
          <a:extLst>
            <a:ext uri="{FF2B5EF4-FFF2-40B4-BE49-F238E27FC236}">
              <a16:creationId xmlns:a16="http://schemas.microsoft.com/office/drawing/2014/main" id="{5E6FB7D2-4521-4B28-B83F-17A11EA6CD9C}"/>
            </a:ext>
          </a:extLst>
        </xdr:cNvPr>
        <xdr:cNvSpPr txBox="1"/>
      </xdr:nvSpPr>
      <xdr:spPr>
        <a:xfrm>
          <a:off x="15266044" y="1086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30497</xdr:rowOff>
    </xdr:from>
    <xdr:ext cx="405111" cy="259045"/>
    <xdr:sp macro="" textlink="">
      <xdr:nvSpPr>
        <xdr:cNvPr id="667" name="n_2mainValue【学校施設】&#10;有形固定資産減価償却率">
          <a:extLst>
            <a:ext uri="{FF2B5EF4-FFF2-40B4-BE49-F238E27FC236}">
              <a16:creationId xmlns:a16="http://schemas.microsoft.com/office/drawing/2014/main" id="{955AA1EC-B6A8-4AD2-9671-39CBBB34E464}"/>
            </a:ext>
          </a:extLst>
        </xdr:cNvPr>
        <xdr:cNvSpPr txBox="1"/>
      </xdr:nvSpPr>
      <xdr:spPr>
        <a:xfrm>
          <a:off x="14389744" y="1083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56227</xdr:rowOff>
    </xdr:from>
    <xdr:ext cx="405111" cy="259045"/>
    <xdr:sp macro="" textlink="">
      <xdr:nvSpPr>
        <xdr:cNvPr id="668" name="n_3mainValue【学校施設】&#10;有形固定資産減価償却率">
          <a:extLst>
            <a:ext uri="{FF2B5EF4-FFF2-40B4-BE49-F238E27FC236}">
              <a16:creationId xmlns:a16="http://schemas.microsoft.com/office/drawing/2014/main" id="{437788AE-EB60-45F4-9C09-574099B0AC2E}"/>
            </a:ext>
          </a:extLst>
        </xdr:cNvPr>
        <xdr:cNvSpPr txBox="1"/>
      </xdr:nvSpPr>
      <xdr:spPr>
        <a:xfrm>
          <a:off x="13500744" y="1078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5</xdr:row>
      <xdr:rowOff>4462</xdr:rowOff>
    </xdr:from>
    <xdr:ext cx="405111" cy="259045"/>
    <xdr:sp macro="" textlink="">
      <xdr:nvSpPr>
        <xdr:cNvPr id="669" name="n_4mainValue【学校施設】&#10;有形固定資産減価償却率">
          <a:extLst>
            <a:ext uri="{FF2B5EF4-FFF2-40B4-BE49-F238E27FC236}">
              <a16:creationId xmlns:a16="http://schemas.microsoft.com/office/drawing/2014/main" id="{0DB41121-3C5D-45E8-BF73-13A13E5D2228}"/>
            </a:ext>
          </a:extLst>
        </xdr:cNvPr>
        <xdr:cNvSpPr txBox="1"/>
      </xdr:nvSpPr>
      <xdr:spPr>
        <a:xfrm>
          <a:off x="12611744" y="9434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0" name="正方形/長方形 669">
          <a:extLst>
            <a:ext uri="{FF2B5EF4-FFF2-40B4-BE49-F238E27FC236}">
              <a16:creationId xmlns:a16="http://schemas.microsoft.com/office/drawing/2014/main" id="{2E6CFF7B-C9C7-41B7-904C-6F3A06452543}"/>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1" name="正方形/長方形 670">
          <a:extLst>
            <a:ext uri="{FF2B5EF4-FFF2-40B4-BE49-F238E27FC236}">
              <a16:creationId xmlns:a16="http://schemas.microsoft.com/office/drawing/2014/main" id="{70BC0D81-A14E-4015-8913-F86088722FDB}"/>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2" name="正方形/長方形 671">
          <a:extLst>
            <a:ext uri="{FF2B5EF4-FFF2-40B4-BE49-F238E27FC236}">
              <a16:creationId xmlns:a16="http://schemas.microsoft.com/office/drawing/2014/main" id="{F280F4F8-419B-47F6-B2B9-D2AF4DA323A9}"/>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3" name="正方形/長方形 672">
          <a:extLst>
            <a:ext uri="{FF2B5EF4-FFF2-40B4-BE49-F238E27FC236}">
              <a16:creationId xmlns:a16="http://schemas.microsoft.com/office/drawing/2014/main" id="{A7E4E775-888F-47BE-B587-853F3FFF3224}"/>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4" name="正方形/長方形 673">
          <a:extLst>
            <a:ext uri="{FF2B5EF4-FFF2-40B4-BE49-F238E27FC236}">
              <a16:creationId xmlns:a16="http://schemas.microsoft.com/office/drawing/2014/main" id="{8C8ECC65-82D6-4BE1-BD27-4116E3C3134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5" name="正方形/長方形 674">
          <a:extLst>
            <a:ext uri="{FF2B5EF4-FFF2-40B4-BE49-F238E27FC236}">
              <a16:creationId xmlns:a16="http://schemas.microsoft.com/office/drawing/2014/main" id="{AA085247-FE24-4A46-9507-70618DE981B6}"/>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6" name="正方形/長方形 675">
          <a:extLst>
            <a:ext uri="{FF2B5EF4-FFF2-40B4-BE49-F238E27FC236}">
              <a16:creationId xmlns:a16="http://schemas.microsoft.com/office/drawing/2014/main" id="{879719DC-A7E9-412A-8773-B635F5AF1F73}"/>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7" name="正方形/長方形 676">
          <a:extLst>
            <a:ext uri="{FF2B5EF4-FFF2-40B4-BE49-F238E27FC236}">
              <a16:creationId xmlns:a16="http://schemas.microsoft.com/office/drawing/2014/main" id="{A7A06724-84C1-4542-AEAF-14FE8DCD6DF7}"/>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8" name="テキスト ボックス 677">
          <a:extLst>
            <a:ext uri="{FF2B5EF4-FFF2-40B4-BE49-F238E27FC236}">
              <a16:creationId xmlns:a16="http://schemas.microsoft.com/office/drawing/2014/main" id="{0BAAAA9C-ECF5-47FF-B573-1DA8F6671E73}"/>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9" name="直線コネクタ 678">
          <a:extLst>
            <a:ext uri="{FF2B5EF4-FFF2-40B4-BE49-F238E27FC236}">
              <a16:creationId xmlns:a16="http://schemas.microsoft.com/office/drawing/2014/main" id="{3686CD86-6D5A-4B95-BB07-218A32541C92}"/>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80" name="テキスト ボックス 679">
          <a:extLst>
            <a:ext uri="{FF2B5EF4-FFF2-40B4-BE49-F238E27FC236}">
              <a16:creationId xmlns:a16="http://schemas.microsoft.com/office/drawing/2014/main" id="{15AD7780-8945-43CC-A19B-2E5CFE32AB89}"/>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681" name="直線コネクタ 680">
          <a:extLst>
            <a:ext uri="{FF2B5EF4-FFF2-40B4-BE49-F238E27FC236}">
              <a16:creationId xmlns:a16="http://schemas.microsoft.com/office/drawing/2014/main" id="{F6196A0F-C5EC-4BBD-A66E-D466717EDB3E}"/>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82" name="テキスト ボックス 681">
          <a:extLst>
            <a:ext uri="{FF2B5EF4-FFF2-40B4-BE49-F238E27FC236}">
              <a16:creationId xmlns:a16="http://schemas.microsoft.com/office/drawing/2014/main" id="{ADBF7844-4B16-4A94-B92C-F29767D95B74}"/>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83" name="直線コネクタ 682">
          <a:extLst>
            <a:ext uri="{FF2B5EF4-FFF2-40B4-BE49-F238E27FC236}">
              <a16:creationId xmlns:a16="http://schemas.microsoft.com/office/drawing/2014/main" id="{4A76C728-A404-4A0E-BD25-2B0EF3A96402}"/>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84" name="テキスト ボックス 683">
          <a:extLst>
            <a:ext uri="{FF2B5EF4-FFF2-40B4-BE49-F238E27FC236}">
              <a16:creationId xmlns:a16="http://schemas.microsoft.com/office/drawing/2014/main" id="{CE988E9E-B591-4C08-8938-489F0EA9EA39}"/>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85" name="直線コネクタ 684">
          <a:extLst>
            <a:ext uri="{FF2B5EF4-FFF2-40B4-BE49-F238E27FC236}">
              <a16:creationId xmlns:a16="http://schemas.microsoft.com/office/drawing/2014/main" id="{4178007E-9B1F-4AF0-8620-4F2F23AAE94F}"/>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86" name="テキスト ボックス 685">
          <a:extLst>
            <a:ext uri="{FF2B5EF4-FFF2-40B4-BE49-F238E27FC236}">
              <a16:creationId xmlns:a16="http://schemas.microsoft.com/office/drawing/2014/main" id="{BC160263-6EF6-47A2-A6DA-3892D330BD00}"/>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87" name="直線コネクタ 686">
          <a:extLst>
            <a:ext uri="{FF2B5EF4-FFF2-40B4-BE49-F238E27FC236}">
              <a16:creationId xmlns:a16="http://schemas.microsoft.com/office/drawing/2014/main" id="{EB4E79C4-D38C-402F-B8DF-CB6B0AE32367}"/>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88" name="テキスト ボックス 687">
          <a:extLst>
            <a:ext uri="{FF2B5EF4-FFF2-40B4-BE49-F238E27FC236}">
              <a16:creationId xmlns:a16="http://schemas.microsoft.com/office/drawing/2014/main" id="{43F890B0-B035-4774-96D1-78CFFA7B962F}"/>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9" name="直線コネクタ 688">
          <a:extLst>
            <a:ext uri="{FF2B5EF4-FFF2-40B4-BE49-F238E27FC236}">
              <a16:creationId xmlns:a16="http://schemas.microsoft.com/office/drawing/2014/main" id="{D82E5264-A08D-4265-850E-7F4FA278B3BB}"/>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90" name="テキスト ボックス 689">
          <a:extLst>
            <a:ext uri="{FF2B5EF4-FFF2-40B4-BE49-F238E27FC236}">
              <a16:creationId xmlns:a16="http://schemas.microsoft.com/office/drawing/2014/main" id="{707F3011-2CC3-4A58-B347-945DF5E5B2D1}"/>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91" name="直線コネクタ 690">
          <a:extLst>
            <a:ext uri="{FF2B5EF4-FFF2-40B4-BE49-F238E27FC236}">
              <a16:creationId xmlns:a16="http://schemas.microsoft.com/office/drawing/2014/main" id="{EEBDA9A5-4E2E-4460-9899-31A599C66AE7}"/>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92" name="テキスト ボックス 691">
          <a:extLst>
            <a:ext uri="{FF2B5EF4-FFF2-40B4-BE49-F238E27FC236}">
              <a16:creationId xmlns:a16="http://schemas.microsoft.com/office/drawing/2014/main" id="{5B7B7382-3D5E-472C-9B44-C26CCE550648}"/>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3" name="直線コネクタ 692">
          <a:extLst>
            <a:ext uri="{FF2B5EF4-FFF2-40B4-BE49-F238E27FC236}">
              <a16:creationId xmlns:a16="http://schemas.microsoft.com/office/drawing/2014/main" id="{1F1944AE-F658-4DE7-BD4D-C9E6450AEC0D}"/>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4" name="テキスト ボックス 693">
          <a:extLst>
            <a:ext uri="{FF2B5EF4-FFF2-40B4-BE49-F238E27FC236}">
              <a16:creationId xmlns:a16="http://schemas.microsoft.com/office/drawing/2014/main" id="{C1D7A3D2-D311-4D78-B020-A3E2FBD1EA3B}"/>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5" name="【学校施設】&#10;一人当たり面積グラフ枠">
          <a:extLst>
            <a:ext uri="{FF2B5EF4-FFF2-40B4-BE49-F238E27FC236}">
              <a16:creationId xmlns:a16="http://schemas.microsoft.com/office/drawing/2014/main" id="{0E9B17BE-AB4F-4A1E-B17C-DA0FDB9FD17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4997</xdr:rowOff>
    </xdr:from>
    <xdr:to>
      <xdr:col>116</xdr:col>
      <xdr:colOff>62864</xdr:colOff>
      <xdr:row>64</xdr:row>
      <xdr:rowOff>149570</xdr:rowOff>
    </xdr:to>
    <xdr:cxnSp macro="">
      <xdr:nvCxnSpPr>
        <xdr:cNvPr id="696" name="直線コネクタ 695">
          <a:extLst>
            <a:ext uri="{FF2B5EF4-FFF2-40B4-BE49-F238E27FC236}">
              <a16:creationId xmlns:a16="http://schemas.microsoft.com/office/drawing/2014/main" id="{DE5B26B2-6EB6-4D67-892F-F27F78A798F8}"/>
            </a:ext>
          </a:extLst>
        </xdr:cNvPr>
        <xdr:cNvCxnSpPr/>
      </xdr:nvCxnSpPr>
      <xdr:spPr>
        <a:xfrm flipV="1">
          <a:off x="22160864" y="9574747"/>
          <a:ext cx="0" cy="15476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53397</xdr:rowOff>
    </xdr:from>
    <xdr:ext cx="469744" cy="259045"/>
    <xdr:sp macro="" textlink="">
      <xdr:nvSpPr>
        <xdr:cNvPr id="697" name="【学校施設】&#10;一人当たり面積最小値テキスト">
          <a:extLst>
            <a:ext uri="{FF2B5EF4-FFF2-40B4-BE49-F238E27FC236}">
              <a16:creationId xmlns:a16="http://schemas.microsoft.com/office/drawing/2014/main" id="{AE47FBEC-AD8D-4FE4-9306-41D8A77E77E5}"/>
            </a:ext>
          </a:extLst>
        </xdr:cNvPr>
        <xdr:cNvSpPr txBox="1"/>
      </xdr:nvSpPr>
      <xdr:spPr>
        <a:xfrm>
          <a:off x="22199600" y="11126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49570</xdr:rowOff>
    </xdr:from>
    <xdr:to>
      <xdr:col>116</xdr:col>
      <xdr:colOff>152400</xdr:colOff>
      <xdr:row>64</xdr:row>
      <xdr:rowOff>149570</xdr:rowOff>
    </xdr:to>
    <xdr:cxnSp macro="">
      <xdr:nvCxnSpPr>
        <xdr:cNvPr id="698" name="直線コネクタ 697">
          <a:extLst>
            <a:ext uri="{FF2B5EF4-FFF2-40B4-BE49-F238E27FC236}">
              <a16:creationId xmlns:a16="http://schemas.microsoft.com/office/drawing/2014/main" id="{0CF4E9E4-12D1-4EEF-BC5B-04E6E9B299B4}"/>
            </a:ext>
          </a:extLst>
        </xdr:cNvPr>
        <xdr:cNvCxnSpPr/>
      </xdr:nvCxnSpPr>
      <xdr:spPr>
        <a:xfrm>
          <a:off x="22072600" y="11122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91674</xdr:rowOff>
    </xdr:from>
    <xdr:ext cx="469744" cy="259045"/>
    <xdr:sp macro="" textlink="">
      <xdr:nvSpPr>
        <xdr:cNvPr id="699" name="【学校施設】&#10;一人当たり面積最大値テキスト">
          <a:extLst>
            <a:ext uri="{FF2B5EF4-FFF2-40B4-BE49-F238E27FC236}">
              <a16:creationId xmlns:a16="http://schemas.microsoft.com/office/drawing/2014/main" id="{85841163-D7C4-4E70-83D7-50960C5F5F60}"/>
            </a:ext>
          </a:extLst>
        </xdr:cNvPr>
        <xdr:cNvSpPr txBox="1"/>
      </xdr:nvSpPr>
      <xdr:spPr>
        <a:xfrm>
          <a:off x="22199600" y="9349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4997</xdr:rowOff>
    </xdr:from>
    <xdr:to>
      <xdr:col>116</xdr:col>
      <xdr:colOff>152400</xdr:colOff>
      <xdr:row>55</xdr:row>
      <xdr:rowOff>144997</xdr:rowOff>
    </xdr:to>
    <xdr:cxnSp macro="">
      <xdr:nvCxnSpPr>
        <xdr:cNvPr id="700" name="直線コネクタ 699">
          <a:extLst>
            <a:ext uri="{FF2B5EF4-FFF2-40B4-BE49-F238E27FC236}">
              <a16:creationId xmlns:a16="http://schemas.microsoft.com/office/drawing/2014/main" id="{73851228-58BD-4E45-9398-F99B4F3933AE}"/>
            </a:ext>
          </a:extLst>
        </xdr:cNvPr>
        <xdr:cNvCxnSpPr/>
      </xdr:nvCxnSpPr>
      <xdr:spPr>
        <a:xfrm>
          <a:off x="22072600" y="95747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07894</xdr:rowOff>
    </xdr:from>
    <xdr:ext cx="469744" cy="259045"/>
    <xdr:sp macro="" textlink="">
      <xdr:nvSpPr>
        <xdr:cNvPr id="701" name="【学校施設】&#10;一人当たり面積平均値テキスト">
          <a:extLst>
            <a:ext uri="{FF2B5EF4-FFF2-40B4-BE49-F238E27FC236}">
              <a16:creationId xmlns:a16="http://schemas.microsoft.com/office/drawing/2014/main" id="{8E35EF16-BFE7-4F20-9EDD-1B179F858966}"/>
            </a:ext>
          </a:extLst>
        </xdr:cNvPr>
        <xdr:cNvSpPr txBox="1"/>
      </xdr:nvSpPr>
      <xdr:spPr>
        <a:xfrm>
          <a:off x="22199600" y="105663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29467</xdr:rowOff>
    </xdr:from>
    <xdr:to>
      <xdr:col>116</xdr:col>
      <xdr:colOff>114300</xdr:colOff>
      <xdr:row>62</xdr:row>
      <xdr:rowOff>59617</xdr:rowOff>
    </xdr:to>
    <xdr:sp macro="" textlink="">
      <xdr:nvSpPr>
        <xdr:cNvPr id="702" name="フローチャート: 判断 701">
          <a:extLst>
            <a:ext uri="{FF2B5EF4-FFF2-40B4-BE49-F238E27FC236}">
              <a16:creationId xmlns:a16="http://schemas.microsoft.com/office/drawing/2014/main" id="{DF2A0288-8392-4DA3-860E-153D5173184A}"/>
            </a:ext>
          </a:extLst>
        </xdr:cNvPr>
        <xdr:cNvSpPr/>
      </xdr:nvSpPr>
      <xdr:spPr>
        <a:xfrm>
          <a:off x="22110700" y="10587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54287</xdr:rowOff>
    </xdr:from>
    <xdr:to>
      <xdr:col>112</xdr:col>
      <xdr:colOff>38100</xdr:colOff>
      <xdr:row>62</xdr:row>
      <xdr:rowOff>84437</xdr:rowOff>
    </xdr:to>
    <xdr:sp macro="" textlink="">
      <xdr:nvSpPr>
        <xdr:cNvPr id="703" name="フローチャート: 判断 702">
          <a:extLst>
            <a:ext uri="{FF2B5EF4-FFF2-40B4-BE49-F238E27FC236}">
              <a16:creationId xmlns:a16="http://schemas.microsoft.com/office/drawing/2014/main" id="{F2FF7963-A439-43A3-97A1-1A2A0BA60D3C}"/>
            </a:ext>
          </a:extLst>
        </xdr:cNvPr>
        <xdr:cNvSpPr/>
      </xdr:nvSpPr>
      <xdr:spPr>
        <a:xfrm>
          <a:off x="21272500" y="10612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52654</xdr:rowOff>
    </xdr:from>
    <xdr:to>
      <xdr:col>107</xdr:col>
      <xdr:colOff>101600</xdr:colOff>
      <xdr:row>62</xdr:row>
      <xdr:rowOff>82804</xdr:rowOff>
    </xdr:to>
    <xdr:sp macro="" textlink="">
      <xdr:nvSpPr>
        <xdr:cNvPr id="704" name="フローチャート: 判断 703">
          <a:extLst>
            <a:ext uri="{FF2B5EF4-FFF2-40B4-BE49-F238E27FC236}">
              <a16:creationId xmlns:a16="http://schemas.microsoft.com/office/drawing/2014/main" id="{D8B7E9AD-A7C8-4E98-A8B2-2A05B7AF9360}"/>
            </a:ext>
          </a:extLst>
        </xdr:cNvPr>
        <xdr:cNvSpPr/>
      </xdr:nvSpPr>
      <xdr:spPr>
        <a:xfrm>
          <a:off x="20383500" y="1061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9289</xdr:rowOff>
    </xdr:from>
    <xdr:to>
      <xdr:col>102</xdr:col>
      <xdr:colOff>165100</xdr:colOff>
      <xdr:row>62</xdr:row>
      <xdr:rowOff>110889</xdr:rowOff>
    </xdr:to>
    <xdr:sp macro="" textlink="">
      <xdr:nvSpPr>
        <xdr:cNvPr id="705" name="フローチャート: 判断 704">
          <a:extLst>
            <a:ext uri="{FF2B5EF4-FFF2-40B4-BE49-F238E27FC236}">
              <a16:creationId xmlns:a16="http://schemas.microsoft.com/office/drawing/2014/main" id="{AA4133D2-ABE8-4AA3-BF0E-0DF0426A4688}"/>
            </a:ext>
          </a:extLst>
        </xdr:cNvPr>
        <xdr:cNvSpPr/>
      </xdr:nvSpPr>
      <xdr:spPr>
        <a:xfrm>
          <a:off x="19494500" y="10639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50368</xdr:rowOff>
    </xdr:from>
    <xdr:to>
      <xdr:col>98</xdr:col>
      <xdr:colOff>38100</xdr:colOff>
      <xdr:row>62</xdr:row>
      <xdr:rowOff>80518</xdr:rowOff>
    </xdr:to>
    <xdr:sp macro="" textlink="">
      <xdr:nvSpPr>
        <xdr:cNvPr id="706" name="フローチャート: 判断 705">
          <a:extLst>
            <a:ext uri="{FF2B5EF4-FFF2-40B4-BE49-F238E27FC236}">
              <a16:creationId xmlns:a16="http://schemas.microsoft.com/office/drawing/2014/main" id="{F5F6C193-E6EB-4D72-A8E4-694AEBDEFA0E}"/>
            </a:ext>
          </a:extLst>
        </xdr:cNvPr>
        <xdr:cNvSpPr/>
      </xdr:nvSpPr>
      <xdr:spPr>
        <a:xfrm>
          <a:off x="18605500" y="1060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7" name="テキスト ボックス 706">
          <a:extLst>
            <a:ext uri="{FF2B5EF4-FFF2-40B4-BE49-F238E27FC236}">
              <a16:creationId xmlns:a16="http://schemas.microsoft.com/office/drawing/2014/main" id="{A2598DA2-25A7-4C0B-A508-3190D993CE65}"/>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8" name="テキスト ボックス 707">
          <a:extLst>
            <a:ext uri="{FF2B5EF4-FFF2-40B4-BE49-F238E27FC236}">
              <a16:creationId xmlns:a16="http://schemas.microsoft.com/office/drawing/2014/main" id="{07BADBC4-01BD-40D2-92C9-5E6FDCA908C3}"/>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9" name="テキスト ボックス 708">
          <a:extLst>
            <a:ext uri="{FF2B5EF4-FFF2-40B4-BE49-F238E27FC236}">
              <a16:creationId xmlns:a16="http://schemas.microsoft.com/office/drawing/2014/main" id="{02A5ED6A-5844-42C7-956E-9A20F7ED7B7D}"/>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10" name="テキスト ボックス 709">
          <a:extLst>
            <a:ext uri="{FF2B5EF4-FFF2-40B4-BE49-F238E27FC236}">
              <a16:creationId xmlns:a16="http://schemas.microsoft.com/office/drawing/2014/main" id="{F581C5F6-6143-428C-B7E7-95FD97BF8107}"/>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11" name="テキスト ボックス 710">
          <a:extLst>
            <a:ext uri="{FF2B5EF4-FFF2-40B4-BE49-F238E27FC236}">
              <a16:creationId xmlns:a16="http://schemas.microsoft.com/office/drawing/2014/main" id="{C64474F2-AD61-46E4-AC34-45B67BEA5431}"/>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4524</xdr:rowOff>
    </xdr:from>
    <xdr:to>
      <xdr:col>116</xdr:col>
      <xdr:colOff>114300</xdr:colOff>
      <xdr:row>62</xdr:row>
      <xdr:rowOff>24674</xdr:rowOff>
    </xdr:to>
    <xdr:sp macro="" textlink="">
      <xdr:nvSpPr>
        <xdr:cNvPr id="712" name="楕円 711">
          <a:extLst>
            <a:ext uri="{FF2B5EF4-FFF2-40B4-BE49-F238E27FC236}">
              <a16:creationId xmlns:a16="http://schemas.microsoft.com/office/drawing/2014/main" id="{DD21A6D4-0488-4118-B5EE-8CAF4A351C95}"/>
            </a:ext>
          </a:extLst>
        </xdr:cNvPr>
        <xdr:cNvSpPr/>
      </xdr:nvSpPr>
      <xdr:spPr>
        <a:xfrm>
          <a:off x="22110700" y="10552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117401</xdr:rowOff>
    </xdr:from>
    <xdr:ext cx="469744" cy="259045"/>
    <xdr:sp macro="" textlink="">
      <xdr:nvSpPr>
        <xdr:cNvPr id="713" name="【学校施設】&#10;一人当たり面積該当値テキスト">
          <a:extLst>
            <a:ext uri="{FF2B5EF4-FFF2-40B4-BE49-F238E27FC236}">
              <a16:creationId xmlns:a16="http://schemas.microsoft.com/office/drawing/2014/main" id="{0182149A-E93C-48AC-8933-33FEBE1DCC64}"/>
            </a:ext>
          </a:extLst>
        </xdr:cNvPr>
        <xdr:cNvSpPr txBox="1"/>
      </xdr:nvSpPr>
      <xdr:spPr>
        <a:xfrm>
          <a:off x="22199600" y="10404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09873</xdr:rowOff>
    </xdr:from>
    <xdr:to>
      <xdr:col>112</xdr:col>
      <xdr:colOff>38100</xdr:colOff>
      <xdr:row>62</xdr:row>
      <xdr:rowOff>40023</xdr:rowOff>
    </xdr:to>
    <xdr:sp macro="" textlink="">
      <xdr:nvSpPr>
        <xdr:cNvPr id="714" name="楕円 713">
          <a:extLst>
            <a:ext uri="{FF2B5EF4-FFF2-40B4-BE49-F238E27FC236}">
              <a16:creationId xmlns:a16="http://schemas.microsoft.com/office/drawing/2014/main" id="{EC50211B-EB95-4B6E-A800-0F19EAFB224E}"/>
            </a:ext>
          </a:extLst>
        </xdr:cNvPr>
        <xdr:cNvSpPr/>
      </xdr:nvSpPr>
      <xdr:spPr>
        <a:xfrm>
          <a:off x="21272500" y="10568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45324</xdr:rowOff>
    </xdr:from>
    <xdr:to>
      <xdr:col>116</xdr:col>
      <xdr:colOff>63500</xdr:colOff>
      <xdr:row>61</xdr:row>
      <xdr:rowOff>160673</xdr:rowOff>
    </xdr:to>
    <xdr:cxnSp macro="">
      <xdr:nvCxnSpPr>
        <xdr:cNvPr id="715" name="直線コネクタ 714">
          <a:extLst>
            <a:ext uri="{FF2B5EF4-FFF2-40B4-BE49-F238E27FC236}">
              <a16:creationId xmlns:a16="http://schemas.microsoft.com/office/drawing/2014/main" id="{58CFEC67-6F85-4414-B4EB-3C6D2953F97B}"/>
            </a:ext>
          </a:extLst>
        </xdr:cNvPr>
        <xdr:cNvCxnSpPr/>
      </xdr:nvCxnSpPr>
      <xdr:spPr>
        <a:xfrm flipV="1">
          <a:off x="21323300" y="10603774"/>
          <a:ext cx="838200" cy="15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19670</xdr:rowOff>
    </xdr:from>
    <xdr:to>
      <xdr:col>107</xdr:col>
      <xdr:colOff>101600</xdr:colOff>
      <xdr:row>62</xdr:row>
      <xdr:rowOff>49820</xdr:rowOff>
    </xdr:to>
    <xdr:sp macro="" textlink="">
      <xdr:nvSpPr>
        <xdr:cNvPr id="716" name="楕円 715">
          <a:extLst>
            <a:ext uri="{FF2B5EF4-FFF2-40B4-BE49-F238E27FC236}">
              <a16:creationId xmlns:a16="http://schemas.microsoft.com/office/drawing/2014/main" id="{5AFA0EBC-057F-481E-AE14-95883722CC3A}"/>
            </a:ext>
          </a:extLst>
        </xdr:cNvPr>
        <xdr:cNvSpPr/>
      </xdr:nvSpPr>
      <xdr:spPr>
        <a:xfrm>
          <a:off x="20383500" y="1057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60673</xdr:rowOff>
    </xdr:from>
    <xdr:to>
      <xdr:col>111</xdr:col>
      <xdr:colOff>177800</xdr:colOff>
      <xdr:row>61</xdr:row>
      <xdr:rowOff>170470</xdr:rowOff>
    </xdr:to>
    <xdr:cxnSp macro="">
      <xdr:nvCxnSpPr>
        <xdr:cNvPr id="717" name="直線コネクタ 716">
          <a:extLst>
            <a:ext uri="{FF2B5EF4-FFF2-40B4-BE49-F238E27FC236}">
              <a16:creationId xmlns:a16="http://schemas.microsoft.com/office/drawing/2014/main" id="{A213FD49-63EB-4E56-878F-6CA289213638}"/>
            </a:ext>
          </a:extLst>
        </xdr:cNvPr>
        <xdr:cNvCxnSpPr/>
      </xdr:nvCxnSpPr>
      <xdr:spPr>
        <a:xfrm flipV="1">
          <a:off x="20434300" y="10619123"/>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2431</xdr:rowOff>
    </xdr:from>
    <xdr:to>
      <xdr:col>102</xdr:col>
      <xdr:colOff>165100</xdr:colOff>
      <xdr:row>62</xdr:row>
      <xdr:rowOff>104031</xdr:rowOff>
    </xdr:to>
    <xdr:sp macro="" textlink="">
      <xdr:nvSpPr>
        <xdr:cNvPr id="718" name="楕円 717">
          <a:extLst>
            <a:ext uri="{FF2B5EF4-FFF2-40B4-BE49-F238E27FC236}">
              <a16:creationId xmlns:a16="http://schemas.microsoft.com/office/drawing/2014/main" id="{A1A5A39E-BC10-4A65-8357-6DF611FAC617}"/>
            </a:ext>
          </a:extLst>
        </xdr:cNvPr>
        <xdr:cNvSpPr/>
      </xdr:nvSpPr>
      <xdr:spPr>
        <a:xfrm>
          <a:off x="19494500" y="10632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70470</xdr:rowOff>
    </xdr:from>
    <xdr:to>
      <xdr:col>107</xdr:col>
      <xdr:colOff>50800</xdr:colOff>
      <xdr:row>62</xdr:row>
      <xdr:rowOff>53231</xdr:rowOff>
    </xdr:to>
    <xdr:cxnSp macro="">
      <xdr:nvCxnSpPr>
        <xdr:cNvPr id="719" name="直線コネクタ 718">
          <a:extLst>
            <a:ext uri="{FF2B5EF4-FFF2-40B4-BE49-F238E27FC236}">
              <a16:creationId xmlns:a16="http://schemas.microsoft.com/office/drawing/2014/main" id="{6204E472-CFB7-4898-B0BC-8177FD213604}"/>
            </a:ext>
          </a:extLst>
        </xdr:cNvPr>
        <xdr:cNvCxnSpPr/>
      </xdr:nvCxnSpPr>
      <xdr:spPr>
        <a:xfrm flipV="1">
          <a:off x="19545300" y="10628920"/>
          <a:ext cx="889000" cy="54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4841</xdr:rowOff>
    </xdr:from>
    <xdr:to>
      <xdr:col>98</xdr:col>
      <xdr:colOff>38100</xdr:colOff>
      <xdr:row>62</xdr:row>
      <xdr:rowOff>116441</xdr:rowOff>
    </xdr:to>
    <xdr:sp macro="" textlink="">
      <xdr:nvSpPr>
        <xdr:cNvPr id="720" name="楕円 719">
          <a:extLst>
            <a:ext uri="{FF2B5EF4-FFF2-40B4-BE49-F238E27FC236}">
              <a16:creationId xmlns:a16="http://schemas.microsoft.com/office/drawing/2014/main" id="{CE277102-CED2-4105-B3DD-D78DD1F699B2}"/>
            </a:ext>
          </a:extLst>
        </xdr:cNvPr>
        <xdr:cNvSpPr/>
      </xdr:nvSpPr>
      <xdr:spPr>
        <a:xfrm>
          <a:off x="18605500" y="10644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53231</xdr:rowOff>
    </xdr:from>
    <xdr:to>
      <xdr:col>102</xdr:col>
      <xdr:colOff>114300</xdr:colOff>
      <xdr:row>62</xdr:row>
      <xdr:rowOff>65641</xdr:rowOff>
    </xdr:to>
    <xdr:cxnSp macro="">
      <xdr:nvCxnSpPr>
        <xdr:cNvPr id="721" name="直線コネクタ 720">
          <a:extLst>
            <a:ext uri="{FF2B5EF4-FFF2-40B4-BE49-F238E27FC236}">
              <a16:creationId xmlns:a16="http://schemas.microsoft.com/office/drawing/2014/main" id="{8CD977A7-058B-4446-A251-4B85E38517AD}"/>
            </a:ext>
          </a:extLst>
        </xdr:cNvPr>
        <xdr:cNvCxnSpPr/>
      </xdr:nvCxnSpPr>
      <xdr:spPr>
        <a:xfrm flipV="1">
          <a:off x="18656300" y="10683131"/>
          <a:ext cx="889000" cy="12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75564</xdr:rowOff>
    </xdr:from>
    <xdr:ext cx="469744" cy="259045"/>
    <xdr:sp macro="" textlink="">
      <xdr:nvSpPr>
        <xdr:cNvPr id="722" name="n_1aveValue【学校施設】&#10;一人当たり面積">
          <a:extLst>
            <a:ext uri="{FF2B5EF4-FFF2-40B4-BE49-F238E27FC236}">
              <a16:creationId xmlns:a16="http://schemas.microsoft.com/office/drawing/2014/main" id="{04117455-4C50-4C39-BD9C-E68492ED0F33}"/>
            </a:ext>
          </a:extLst>
        </xdr:cNvPr>
        <xdr:cNvSpPr txBox="1"/>
      </xdr:nvSpPr>
      <xdr:spPr>
        <a:xfrm>
          <a:off x="21075727" y="10705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73931</xdr:rowOff>
    </xdr:from>
    <xdr:ext cx="469744" cy="259045"/>
    <xdr:sp macro="" textlink="">
      <xdr:nvSpPr>
        <xdr:cNvPr id="723" name="n_2aveValue【学校施設】&#10;一人当たり面積">
          <a:extLst>
            <a:ext uri="{FF2B5EF4-FFF2-40B4-BE49-F238E27FC236}">
              <a16:creationId xmlns:a16="http://schemas.microsoft.com/office/drawing/2014/main" id="{43BADF23-0092-48A7-8BE3-13B2D24068BE}"/>
            </a:ext>
          </a:extLst>
        </xdr:cNvPr>
        <xdr:cNvSpPr txBox="1"/>
      </xdr:nvSpPr>
      <xdr:spPr>
        <a:xfrm>
          <a:off x="20199427" y="10703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02016</xdr:rowOff>
    </xdr:from>
    <xdr:ext cx="469744" cy="259045"/>
    <xdr:sp macro="" textlink="">
      <xdr:nvSpPr>
        <xdr:cNvPr id="724" name="n_3aveValue【学校施設】&#10;一人当たり面積">
          <a:extLst>
            <a:ext uri="{FF2B5EF4-FFF2-40B4-BE49-F238E27FC236}">
              <a16:creationId xmlns:a16="http://schemas.microsoft.com/office/drawing/2014/main" id="{A777CCB9-1263-466F-9AD2-DBC58165B73F}"/>
            </a:ext>
          </a:extLst>
        </xdr:cNvPr>
        <xdr:cNvSpPr txBox="1"/>
      </xdr:nvSpPr>
      <xdr:spPr>
        <a:xfrm>
          <a:off x="19310427" y="10731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97045</xdr:rowOff>
    </xdr:from>
    <xdr:ext cx="469744" cy="259045"/>
    <xdr:sp macro="" textlink="">
      <xdr:nvSpPr>
        <xdr:cNvPr id="725" name="n_4aveValue【学校施設】&#10;一人当たり面積">
          <a:extLst>
            <a:ext uri="{FF2B5EF4-FFF2-40B4-BE49-F238E27FC236}">
              <a16:creationId xmlns:a16="http://schemas.microsoft.com/office/drawing/2014/main" id="{8DDFBF74-0922-4A4B-B524-5DE16133B315}"/>
            </a:ext>
          </a:extLst>
        </xdr:cNvPr>
        <xdr:cNvSpPr txBox="1"/>
      </xdr:nvSpPr>
      <xdr:spPr>
        <a:xfrm>
          <a:off x="18421427" y="1038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56550</xdr:rowOff>
    </xdr:from>
    <xdr:ext cx="469744" cy="259045"/>
    <xdr:sp macro="" textlink="">
      <xdr:nvSpPr>
        <xdr:cNvPr id="726" name="n_1mainValue【学校施設】&#10;一人当たり面積">
          <a:extLst>
            <a:ext uri="{FF2B5EF4-FFF2-40B4-BE49-F238E27FC236}">
              <a16:creationId xmlns:a16="http://schemas.microsoft.com/office/drawing/2014/main" id="{39C6C32D-8464-4098-8B59-F6E014D410CB}"/>
            </a:ext>
          </a:extLst>
        </xdr:cNvPr>
        <xdr:cNvSpPr txBox="1"/>
      </xdr:nvSpPr>
      <xdr:spPr>
        <a:xfrm>
          <a:off x="21075727" y="10343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66347</xdr:rowOff>
    </xdr:from>
    <xdr:ext cx="469744" cy="259045"/>
    <xdr:sp macro="" textlink="">
      <xdr:nvSpPr>
        <xdr:cNvPr id="727" name="n_2mainValue【学校施設】&#10;一人当たり面積">
          <a:extLst>
            <a:ext uri="{FF2B5EF4-FFF2-40B4-BE49-F238E27FC236}">
              <a16:creationId xmlns:a16="http://schemas.microsoft.com/office/drawing/2014/main" id="{534E4DCD-301F-4960-8E8B-1FC58D56D3A1}"/>
            </a:ext>
          </a:extLst>
        </xdr:cNvPr>
        <xdr:cNvSpPr txBox="1"/>
      </xdr:nvSpPr>
      <xdr:spPr>
        <a:xfrm>
          <a:off x="20199427" y="1035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20558</xdr:rowOff>
    </xdr:from>
    <xdr:ext cx="469744" cy="259045"/>
    <xdr:sp macro="" textlink="">
      <xdr:nvSpPr>
        <xdr:cNvPr id="728" name="n_3mainValue【学校施設】&#10;一人当たり面積">
          <a:extLst>
            <a:ext uri="{FF2B5EF4-FFF2-40B4-BE49-F238E27FC236}">
              <a16:creationId xmlns:a16="http://schemas.microsoft.com/office/drawing/2014/main" id="{FD78CDC4-F1D3-40D0-B8D4-A15248B0094D}"/>
            </a:ext>
          </a:extLst>
        </xdr:cNvPr>
        <xdr:cNvSpPr txBox="1"/>
      </xdr:nvSpPr>
      <xdr:spPr>
        <a:xfrm>
          <a:off x="19310427" y="104075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07568</xdr:rowOff>
    </xdr:from>
    <xdr:ext cx="469744" cy="259045"/>
    <xdr:sp macro="" textlink="">
      <xdr:nvSpPr>
        <xdr:cNvPr id="729" name="n_4mainValue【学校施設】&#10;一人当たり面積">
          <a:extLst>
            <a:ext uri="{FF2B5EF4-FFF2-40B4-BE49-F238E27FC236}">
              <a16:creationId xmlns:a16="http://schemas.microsoft.com/office/drawing/2014/main" id="{24FF0C26-0047-4B00-AB6E-38BC5F9FD290}"/>
            </a:ext>
          </a:extLst>
        </xdr:cNvPr>
        <xdr:cNvSpPr txBox="1"/>
      </xdr:nvSpPr>
      <xdr:spPr>
        <a:xfrm>
          <a:off x="18421427" y="10737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30" name="正方形/長方形 729">
          <a:extLst>
            <a:ext uri="{FF2B5EF4-FFF2-40B4-BE49-F238E27FC236}">
              <a16:creationId xmlns:a16="http://schemas.microsoft.com/office/drawing/2014/main" id="{540274E2-0FB6-497E-ABA9-6A3839F359F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31" name="正方形/長方形 730">
          <a:extLst>
            <a:ext uri="{FF2B5EF4-FFF2-40B4-BE49-F238E27FC236}">
              <a16:creationId xmlns:a16="http://schemas.microsoft.com/office/drawing/2014/main" id="{02CFCAC9-3684-4A07-81CC-EA8B6393F82C}"/>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2" name="正方形/長方形 731">
          <a:extLst>
            <a:ext uri="{FF2B5EF4-FFF2-40B4-BE49-F238E27FC236}">
              <a16:creationId xmlns:a16="http://schemas.microsoft.com/office/drawing/2014/main" id="{CB17DF5D-3540-43E4-A2DE-ACC290F9E43E}"/>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3" name="正方形/長方形 732">
          <a:extLst>
            <a:ext uri="{FF2B5EF4-FFF2-40B4-BE49-F238E27FC236}">
              <a16:creationId xmlns:a16="http://schemas.microsoft.com/office/drawing/2014/main" id="{F5F0D299-70E1-42FE-BE81-E460719D9E7D}"/>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4" name="正方形/長方形 733">
          <a:extLst>
            <a:ext uri="{FF2B5EF4-FFF2-40B4-BE49-F238E27FC236}">
              <a16:creationId xmlns:a16="http://schemas.microsoft.com/office/drawing/2014/main" id="{E3423FF6-D3BB-46C3-9649-784B7A1FD91E}"/>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5" name="正方形/長方形 734">
          <a:extLst>
            <a:ext uri="{FF2B5EF4-FFF2-40B4-BE49-F238E27FC236}">
              <a16:creationId xmlns:a16="http://schemas.microsoft.com/office/drawing/2014/main" id="{12E69B88-771B-476F-9961-679E0A7ED50D}"/>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6" name="正方形/長方形 735">
          <a:extLst>
            <a:ext uri="{FF2B5EF4-FFF2-40B4-BE49-F238E27FC236}">
              <a16:creationId xmlns:a16="http://schemas.microsoft.com/office/drawing/2014/main" id="{4E5EF112-6A9C-46A6-94B9-5556B8003021}"/>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7" name="正方形/長方形 736">
          <a:extLst>
            <a:ext uri="{FF2B5EF4-FFF2-40B4-BE49-F238E27FC236}">
              <a16:creationId xmlns:a16="http://schemas.microsoft.com/office/drawing/2014/main" id="{22BBFD15-0F9E-409C-ACF5-B19C72C61A9A}"/>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38" name="正方形/長方形 737">
          <a:extLst>
            <a:ext uri="{FF2B5EF4-FFF2-40B4-BE49-F238E27FC236}">
              <a16:creationId xmlns:a16="http://schemas.microsoft.com/office/drawing/2014/main" id="{91DBF4DE-92B3-4037-B55B-8A403ADB4EF3}"/>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9" name="正方形/長方形 738">
          <a:extLst>
            <a:ext uri="{FF2B5EF4-FFF2-40B4-BE49-F238E27FC236}">
              <a16:creationId xmlns:a16="http://schemas.microsoft.com/office/drawing/2014/main" id="{DFA354C1-8C47-4A70-AA07-BACCD03904F9}"/>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40" name="正方形/長方形 739">
          <a:extLst>
            <a:ext uri="{FF2B5EF4-FFF2-40B4-BE49-F238E27FC236}">
              <a16:creationId xmlns:a16="http://schemas.microsoft.com/office/drawing/2014/main" id="{07E3DA37-A9A1-4EFE-8135-DFF09B8389D8}"/>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41" name="正方形/長方形 740">
          <a:extLst>
            <a:ext uri="{FF2B5EF4-FFF2-40B4-BE49-F238E27FC236}">
              <a16:creationId xmlns:a16="http://schemas.microsoft.com/office/drawing/2014/main" id="{E48BEF27-C1A2-4697-8995-0519FB711964}"/>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42" name="正方形/長方形 741">
          <a:extLst>
            <a:ext uri="{FF2B5EF4-FFF2-40B4-BE49-F238E27FC236}">
              <a16:creationId xmlns:a16="http://schemas.microsoft.com/office/drawing/2014/main" id="{8EBB2F27-C641-41C2-ABAB-F605B9D11A34}"/>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43" name="正方形/長方形 742">
          <a:extLst>
            <a:ext uri="{FF2B5EF4-FFF2-40B4-BE49-F238E27FC236}">
              <a16:creationId xmlns:a16="http://schemas.microsoft.com/office/drawing/2014/main" id="{75B578D4-9674-4E4F-984C-89B6AB3B4863}"/>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44" name="正方形/長方形 743">
          <a:extLst>
            <a:ext uri="{FF2B5EF4-FFF2-40B4-BE49-F238E27FC236}">
              <a16:creationId xmlns:a16="http://schemas.microsoft.com/office/drawing/2014/main" id="{59CB20D3-ADEB-4395-B82A-30B54A3F4C69}"/>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45" name="正方形/長方形 744">
          <a:extLst>
            <a:ext uri="{FF2B5EF4-FFF2-40B4-BE49-F238E27FC236}">
              <a16:creationId xmlns:a16="http://schemas.microsoft.com/office/drawing/2014/main" id="{84B5CA52-83F5-4C6C-B4D4-93EB3AFAB4EF}"/>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46" name="正方形/長方形 745">
          <a:extLst>
            <a:ext uri="{FF2B5EF4-FFF2-40B4-BE49-F238E27FC236}">
              <a16:creationId xmlns:a16="http://schemas.microsoft.com/office/drawing/2014/main" id="{E3D10C14-7FA9-4BA6-B1BC-BFDFC8410A26}"/>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7" name="正方形/長方形 746">
          <a:extLst>
            <a:ext uri="{FF2B5EF4-FFF2-40B4-BE49-F238E27FC236}">
              <a16:creationId xmlns:a16="http://schemas.microsoft.com/office/drawing/2014/main" id="{96331185-D216-4D93-83D4-C4134A55C2F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8" name="正方形/長方形 747">
          <a:extLst>
            <a:ext uri="{FF2B5EF4-FFF2-40B4-BE49-F238E27FC236}">
              <a16:creationId xmlns:a16="http://schemas.microsoft.com/office/drawing/2014/main" id="{61C58FAF-B47E-4E2B-AE26-BC7ECCAA6721}"/>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9" name="正方形/長方形 748">
          <a:extLst>
            <a:ext uri="{FF2B5EF4-FFF2-40B4-BE49-F238E27FC236}">
              <a16:creationId xmlns:a16="http://schemas.microsoft.com/office/drawing/2014/main" id="{C1966C1D-FE19-4FCE-A663-A0EE46CAD41E}"/>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50" name="正方形/長方形 749">
          <a:extLst>
            <a:ext uri="{FF2B5EF4-FFF2-40B4-BE49-F238E27FC236}">
              <a16:creationId xmlns:a16="http://schemas.microsoft.com/office/drawing/2014/main" id="{AC461F1D-51E1-4D82-87AF-231CC467B4AA}"/>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51" name="正方形/長方形 750">
          <a:extLst>
            <a:ext uri="{FF2B5EF4-FFF2-40B4-BE49-F238E27FC236}">
              <a16:creationId xmlns:a16="http://schemas.microsoft.com/office/drawing/2014/main" id="{3C04712E-A79D-41FB-804D-4CC3CE7CC64E}"/>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52" name="正方形/長方形 751">
          <a:extLst>
            <a:ext uri="{FF2B5EF4-FFF2-40B4-BE49-F238E27FC236}">
              <a16:creationId xmlns:a16="http://schemas.microsoft.com/office/drawing/2014/main" id="{16D45E9C-375F-4FD1-B6D9-75FA4775B919}"/>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3" name="正方形/長方形 752">
          <a:extLst>
            <a:ext uri="{FF2B5EF4-FFF2-40B4-BE49-F238E27FC236}">
              <a16:creationId xmlns:a16="http://schemas.microsoft.com/office/drawing/2014/main" id="{3F3E66B6-B176-45EA-94A5-FF795524DE5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4" name="テキスト ボックス 753">
          <a:extLst>
            <a:ext uri="{FF2B5EF4-FFF2-40B4-BE49-F238E27FC236}">
              <a16:creationId xmlns:a16="http://schemas.microsoft.com/office/drawing/2014/main" id="{B4E3E008-5907-4B77-8926-2B239D2F8B4B}"/>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5" name="直線コネクタ 754">
          <a:extLst>
            <a:ext uri="{FF2B5EF4-FFF2-40B4-BE49-F238E27FC236}">
              <a16:creationId xmlns:a16="http://schemas.microsoft.com/office/drawing/2014/main" id="{C4A9B8A6-BADA-45BE-AD92-6252935FFB84}"/>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6" name="テキスト ボックス 755">
          <a:extLst>
            <a:ext uri="{FF2B5EF4-FFF2-40B4-BE49-F238E27FC236}">
              <a16:creationId xmlns:a16="http://schemas.microsoft.com/office/drawing/2014/main" id="{E19417A1-60A9-44D7-935C-AEBC61627402}"/>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7" name="直線コネクタ 756">
          <a:extLst>
            <a:ext uri="{FF2B5EF4-FFF2-40B4-BE49-F238E27FC236}">
              <a16:creationId xmlns:a16="http://schemas.microsoft.com/office/drawing/2014/main" id="{0CB35E39-E9D8-42A6-ABAC-CEE7F8812FBF}"/>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8" name="テキスト ボックス 757">
          <a:extLst>
            <a:ext uri="{FF2B5EF4-FFF2-40B4-BE49-F238E27FC236}">
              <a16:creationId xmlns:a16="http://schemas.microsoft.com/office/drawing/2014/main" id="{23FE4709-8639-4554-9B7B-157F22EC533A}"/>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9" name="直線コネクタ 758">
          <a:extLst>
            <a:ext uri="{FF2B5EF4-FFF2-40B4-BE49-F238E27FC236}">
              <a16:creationId xmlns:a16="http://schemas.microsoft.com/office/drawing/2014/main" id="{B0F68563-76FF-49E8-A703-D2935397460A}"/>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60" name="テキスト ボックス 759">
          <a:extLst>
            <a:ext uri="{FF2B5EF4-FFF2-40B4-BE49-F238E27FC236}">
              <a16:creationId xmlns:a16="http://schemas.microsoft.com/office/drawing/2014/main" id="{B6B31F11-F288-458C-BA21-4207F8AFF801}"/>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61" name="直線コネクタ 760">
          <a:extLst>
            <a:ext uri="{FF2B5EF4-FFF2-40B4-BE49-F238E27FC236}">
              <a16:creationId xmlns:a16="http://schemas.microsoft.com/office/drawing/2014/main" id="{123C3F27-57EF-48D5-8B2D-EAD59EA32C4B}"/>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62" name="テキスト ボックス 761">
          <a:extLst>
            <a:ext uri="{FF2B5EF4-FFF2-40B4-BE49-F238E27FC236}">
              <a16:creationId xmlns:a16="http://schemas.microsoft.com/office/drawing/2014/main" id="{2A7EA2B4-9AE5-45FF-A7B8-FD8086994063}"/>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63" name="直線コネクタ 762">
          <a:extLst>
            <a:ext uri="{FF2B5EF4-FFF2-40B4-BE49-F238E27FC236}">
              <a16:creationId xmlns:a16="http://schemas.microsoft.com/office/drawing/2014/main" id="{89759D4D-4A6F-4093-989E-985B46D95875}"/>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64" name="テキスト ボックス 763">
          <a:extLst>
            <a:ext uri="{FF2B5EF4-FFF2-40B4-BE49-F238E27FC236}">
              <a16:creationId xmlns:a16="http://schemas.microsoft.com/office/drawing/2014/main" id="{BDF65B25-DC37-4C89-B745-BEE05F7A333C}"/>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65" name="直線コネクタ 764">
          <a:extLst>
            <a:ext uri="{FF2B5EF4-FFF2-40B4-BE49-F238E27FC236}">
              <a16:creationId xmlns:a16="http://schemas.microsoft.com/office/drawing/2014/main" id="{5F06D22A-5062-4F24-AADC-E801A6C4E26C}"/>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66" name="テキスト ボックス 765">
          <a:extLst>
            <a:ext uri="{FF2B5EF4-FFF2-40B4-BE49-F238E27FC236}">
              <a16:creationId xmlns:a16="http://schemas.microsoft.com/office/drawing/2014/main" id="{5CC9D100-3898-4778-8938-B12B51AE4D59}"/>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7" name="直線コネクタ 766">
          <a:extLst>
            <a:ext uri="{FF2B5EF4-FFF2-40B4-BE49-F238E27FC236}">
              <a16:creationId xmlns:a16="http://schemas.microsoft.com/office/drawing/2014/main" id="{3E456142-D9D3-4857-A715-4CBE2A2CAB78}"/>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8" name="テキスト ボックス 767">
          <a:extLst>
            <a:ext uri="{FF2B5EF4-FFF2-40B4-BE49-F238E27FC236}">
              <a16:creationId xmlns:a16="http://schemas.microsoft.com/office/drawing/2014/main" id="{5FBBE58F-DA70-40E8-905B-1C860799DC16}"/>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9" name="直線コネクタ 768">
          <a:extLst>
            <a:ext uri="{FF2B5EF4-FFF2-40B4-BE49-F238E27FC236}">
              <a16:creationId xmlns:a16="http://schemas.microsoft.com/office/drawing/2014/main" id="{27014207-F8B2-467A-9022-D243A47487DB}"/>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70" name="【公民館】&#10;有形固定資産減価償却率グラフ枠">
          <a:extLst>
            <a:ext uri="{FF2B5EF4-FFF2-40B4-BE49-F238E27FC236}">
              <a16:creationId xmlns:a16="http://schemas.microsoft.com/office/drawing/2014/main" id="{2934C25A-AB10-4F36-BB8A-F0113396D78D}"/>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3137</xdr:rowOff>
    </xdr:from>
    <xdr:to>
      <xdr:col>85</xdr:col>
      <xdr:colOff>126364</xdr:colOff>
      <xdr:row>109</xdr:row>
      <xdr:rowOff>35379</xdr:rowOff>
    </xdr:to>
    <xdr:cxnSp macro="">
      <xdr:nvCxnSpPr>
        <xdr:cNvPr id="771" name="直線コネクタ 770">
          <a:extLst>
            <a:ext uri="{FF2B5EF4-FFF2-40B4-BE49-F238E27FC236}">
              <a16:creationId xmlns:a16="http://schemas.microsoft.com/office/drawing/2014/main" id="{DC5A8801-8E45-40BE-9BC2-83BECC98654C}"/>
            </a:ext>
          </a:extLst>
        </xdr:cNvPr>
        <xdr:cNvCxnSpPr/>
      </xdr:nvCxnSpPr>
      <xdr:spPr>
        <a:xfrm flipV="1">
          <a:off x="16318864" y="17208137"/>
          <a:ext cx="0" cy="1515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72" name="【公民館】&#10;有形固定資産減価償却率最小値テキスト">
          <a:extLst>
            <a:ext uri="{FF2B5EF4-FFF2-40B4-BE49-F238E27FC236}">
              <a16:creationId xmlns:a16="http://schemas.microsoft.com/office/drawing/2014/main" id="{BBEEF526-3E58-41F1-894D-86074F741268}"/>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73" name="直線コネクタ 772">
          <a:extLst>
            <a:ext uri="{FF2B5EF4-FFF2-40B4-BE49-F238E27FC236}">
              <a16:creationId xmlns:a16="http://schemas.microsoft.com/office/drawing/2014/main" id="{972A4127-C6CB-40B6-8B27-8B0B1CEC87E3}"/>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9814</xdr:rowOff>
    </xdr:from>
    <xdr:ext cx="340478" cy="259045"/>
    <xdr:sp macro="" textlink="">
      <xdr:nvSpPr>
        <xdr:cNvPr id="774" name="【公民館】&#10;有形固定資産減価償却率最大値テキスト">
          <a:extLst>
            <a:ext uri="{FF2B5EF4-FFF2-40B4-BE49-F238E27FC236}">
              <a16:creationId xmlns:a16="http://schemas.microsoft.com/office/drawing/2014/main" id="{C8128EDE-2229-417D-AFDB-E1497EDE158D}"/>
            </a:ext>
          </a:extLst>
        </xdr:cNvPr>
        <xdr:cNvSpPr txBox="1"/>
      </xdr:nvSpPr>
      <xdr:spPr>
        <a:xfrm>
          <a:off x="16357600" y="1698336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3137</xdr:rowOff>
    </xdr:from>
    <xdr:to>
      <xdr:col>86</xdr:col>
      <xdr:colOff>25400</xdr:colOff>
      <xdr:row>100</xdr:row>
      <xdr:rowOff>63137</xdr:rowOff>
    </xdr:to>
    <xdr:cxnSp macro="">
      <xdr:nvCxnSpPr>
        <xdr:cNvPr id="775" name="直線コネクタ 774">
          <a:extLst>
            <a:ext uri="{FF2B5EF4-FFF2-40B4-BE49-F238E27FC236}">
              <a16:creationId xmlns:a16="http://schemas.microsoft.com/office/drawing/2014/main" id="{7B5B08D1-2A40-4AB7-8F76-904DBE310DE6}"/>
            </a:ext>
          </a:extLst>
        </xdr:cNvPr>
        <xdr:cNvCxnSpPr/>
      </xdr:nvCxnSpPr>
      <xdr:spPr>
        <a:xfrm>
          <a:off x="16230600" y="1720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41746</xdr:rowOff>
    </xdr:from>
    <xdr:ext cx="405111" cy="259045"/>
    <xdr:sp macro="" textlink="">
      <xdr:nvSpPr>
        <xdr:cNvPr id="776" name="【公民館】&#10;有形固定資産減価償却率平均値テキスト">
          <a:extLst>
            <a:ext uri="{FF2B5EF4-FFF2-40B4-BE49-F238E27FC236}">
              <a16:creationId xmlns:a16="http://schemas.microsoft.com/office/drawing/2014/main" id="{572A6304-BC07-4A3C-BC50-EA6087CB1C4A}"/>
            </a:ext>
          </a:extLst>
        </xdr:cNvPr>
        <xdr:cNvSpPr txBox="1"/>
      </xdr:nvSpPr>
      <xdr:spPr>
        <a:xfrm>
          <a:off x="16357600" y="180439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8869</xdr:rowOff>
    </xdr:from>
    <xdr:to>
      <xdr:col>85</xdr:col>
      <xdr:colOff>177800</xdr:colOff>
      <xdr:row>106</xdr:row>
      <xdr:rowOff>120469</xdr:rowOff>
    </xdr:to>
    <xdr:sp macro="" textlink="">
      <xdr:nvSpPr>
        <xdr:cNvPr id="777" name="フローチャート: 判断 776">
          <a:extLst>
            <a:ext uri="{FF2B5EF4-FFF2-40B4-BE49-F238E27FC236}">
              <a16:creationId xmlns:a16="http://schemas.microsoft.com/office/drawing/2014/main" id="{B6EB0E89-81BF-437E-BD69-0CC542CD80E4}"/>
            </a:ext>
          </a:extLst>
        </xdr:cNvPr>
        <xdr:cNvSpPr/>
      </xdr:nvSpPr>
      <xdr:spPr>
        <a:xfrm>
          <a:off x="16268700" y="18192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6</xdr:row>
      <xdr:rowOff>49893</xdr:rowOff>
    </xdr:from>
    <xdr:to>
      <xdr:col>81</xdr:col>
      <xdr:colOff>101600</xdr:colOff>
      <xdr:row>106</xdr:row>
      <xdr:rowOff>151493</xdr:rowOff>
    </xdr:to>
    <xdr:sp macro="" textlink="">
      <xdr:nvSpPr>
        <xdr:cNvPr id="778" name="フローチャート: 判断 777">
          <a:extLst>
            <a:ext uri="{FF2B5EF4-FFF2-40B4-BE49-F238E27FC236}">
              <a16:creationId xmlns:a16="http://schemas.microsoft.com/office/drawing/2014/main" id="{102E6C11-FF39-41A9-A2FF-B19657AF90C9}"/>
            </a:ext>
          </a:extLst>
        </xdr:cNvPr>
        <xdr:cNvSpPr/>
      </xdr:nvSpPr>
      <xdr:spPr>
        <a:xfrm>
          <a:off x="15430500" y="18223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6</xdr:row>
      <xdr:rowOff>36830</xdr:rowOff>
    </xdr:from>
    <xdr:to>
      <xdr:col>76</xdr:col>
      <xdr:colOff>165100</xdr:colOff>
      <xdr:row>106</xdr:row>
      <xdr:rowOff>138430</xdr:rowOff>
    </xdr:to>
    <xdr:sp macro="" textlink="">
      <xdr:nvSpPr>
        <xdr:cNvPr id="779" name="フローチャート: 判断 778">
          <a:extLst>
            <a:ext uri="{FF2B5EF4-FFF2-40B4-BE49-F238E27FC236}">
              <a16:creationId xmlns:a16="http://schemas.microsoft.com/office/drawing/2014/main" id="{7854F4BA-A009-417E-AE3D-98DAD244EB97}"/>
            </a:ext>
          </a:extLst>
        </xdr:cNvPr>
        <xdr:cNvSpPr/>
      </xdr:nvSpPr>
      <xdr:spPr>
        <a:xfrm>
          <a:off x="14541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6</xdr:row>
      <xdr:rowOff>61323</xdr:rowOff>
    </xdr:from>
    <xdr:to>
      <xdr:col>72</xdr:col>
      <xdr:colOff>38100</xdr:colOff>
      <xdr:row>106</xdr:row>
      <xdr:rowOff>162923</xdr:rowOff>
    </xdr:to>
    <xdr:sp macro="" textlink="">
      <xdr:nvSpPr>
        <xdr:cNvPr id="780" name="フローチャート: 判断 779">
          <a:extLst>
            <a:ext uri="{FF2B5EF4-FFF2-40B4-BE49-F238E27FC236}">
              <a16:creationId xmlns:a16="http://schemas.microsoft.com/office/drawing/2014/main" id="{832DBAC7-E9F6-4183-B48D-3304A5557DA9}"/>
            </a:ext>
          </a:extLst>
        </xdr:cNvPr>
        <xdr:cNvSpPr/>
      </xdr:nvSpPr>
      <xdr:spPr>
        <a:xfrm>
          <a:off x="13652500" y="18235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6</xdr:row>
      <xdr:rowOff>27032</xdr:rowOff>
    </xdr:from>
    <xdr:to>
      <xdr:col>67</xdr:col>
      <xdr:colOff>101600</xdr:colOff>
      <xdr:row>106</xdr:row>
      <xdr:rowOff>128632</xdr:rowOff>
    </xdr:to>
    <xdr:sp macro="" textlink="">
      <xdr:nvSpPr>
        <xdr:cNvPr id="781" name="フローチャート: 判断 780">
          <a:extLst>
            <a:ext uri="{FF2B5EF4-FFF2-40B4-BE49-F238E27FC236}">
              <a16:creationId xmlns:a16="http://schemas.microsoft.com/office/drawing/2014/main" id="{A910CD77-B6FA-4D4C-84B7-4B940C971B4D}"/>
            </a:ext>
          </a:extLst>
        </xdr:cNvPr>
        <xdr:cNvSpPr/>
      </xdr:nvSpPr>
      <xdr:spPr>
        <a:xfrm>
          <a:off x="12763500" y="18200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82" name="テキスト ボックス 781">
          <a:extLst>
            <a:ext uri="{FF2B5EF4-FFF2-40B4-BE49-F238E27FC236}">
              <a16:creationId xmlns:a16="http://schemas.microsoft.com/office/drawing/2014/main" id="{B720A02D-D9AF-4385-BF81-D1DF11F2F286}"/>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83" name="テキスト ボックス 782">
          <a:extLst>
            <a:ext uri="{FF2B5EF4-FFF2-40B4-BE49-F238E27FC236}">
              <a16:creationId xmlns:a16="http://schemas.microsoft.com/office/drawing/2014/main" id="{2A52E6FE-3CBA-4051-8836-835277846AE2}"/>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84" name="テキスト ボックス 783">
          <a:extLst>
            <a:ext uri="{FF2B5EF4-FFF2-40B4-BE49-F238E27FC236}">
              <a16:creationId xmlns:a16="http://schemas.microsoft.com/office/drawing/2014/main" id="{75B6684F-829B-45C7-A16D-9F3AD374E743}"/>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5" name="テキスト ボックス 784">
          <a:extLst>
            <a:ext uri="{FF2B5EF4-FFF2-40B4-BE49-F238E27FC236}">
              <a16:creationId xmlns:a16="http://schemas.microsoft.com/office/drawing/2014/main" id="{CB1874EA-683D-4E88-9898-39192EFAF62D}"/>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6" name="テキスト ボックス 785">
          <a:extLst>
            <a:ext uri="{FF2B5EF4-FFF2-40B4-BE49-F238E27FC236}">
              <a16:creationId xmlns:a16="http://schemas.microsoft.com/office/drawing/2014/main" id="{D37157F4-2FFF-489C-BCCF-F125975139D2}"/>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07043</xdr:rowOff>
    </xdr:from>
    <xdr:to>
      <xdr:col>85</xdr:col>
      <xdr:colOff>177800</xdr:colOff>
      <xdr:row>107</xdr:row>
      <xdr:rowOff>37193</xdr:rowOff>
    </xdr:to>
    <xdr:sp macro="" textlink="">
      <xdr:nvSpPr>
        <xdr:cNvPr id="787" name="楕円 786">
          <a:extLst>
            <a:ext uri="{FF2B5EF4-FFF2-40B4-BE49-F238E27FC236}">
              <a16:creationId xmlns:a16="http://schemas.microsoft.com/office/drawing/2014/main" id="{927A9A98-2E2D-4EEC-9545-BCC4402C56DF}"/>
            </a:ext>
          </a:extLst>
        </xdr:cNvPr>
        <xdr:cNvSpPr/>
      </xdr:nvSpPr>
      <xdr:spPr>
        <a:xfrm>
          <a:off x="16268700" y="1828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85470</xdr:rowOff>
    </xdr:from>
    <xdr:ext cx="405111" cy="259045"/>
    <xdr:sp macro="" textlink="">
      <xdr:nvSpPr>
        <xdr:cNvPr id="788" name="【公民館】&#10;有形固定資産減価償却率該当値テキスト">
          <a:extLst>
            <a:ext uri="{FF2B5EF4-FFF2-40B4-BE49-F238E27FC236}">
              <a16:creationId xmlns:a16="http://schemas.microsoft.com/office/drawing/2014/main" id="{460BE374-8D69-40E4-8F9D-F7754D94DC9B}"/>
            </a:ext>
          </a:extLst>
        </xdr:cNvPr>
        <xdr:cNvSpPr txBox="1"/>
      </xdr:nvSpPr>
      <xdr:spPr>
        <a:xfrm>
          <a:off x="16357600" y="18259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74386</xdr:rowOff>
    </xdr:from>
    <xdr:to>
      <xdr:col>81</xdr:col>
      <xdr:colOff>101600</xdr:colOff>
      <xdr:row>107</xdr:row>
      <xdr:rowOff>4536</xdr:rowOff>
    </xdr:to>
    <xdr:sp macro="" textlink="">
      <xdr:nvSpPr>
        <xdr:cNvPr id="789" name="楕円 788">
          <a:extLst>
            <a:ext uri="{FF2B5EF4-FFF2-40B4-BE49-F238E27FC236}">
              <a16:creationId xmlns:a16="http://schemas.microsoft.com/office/drawing/2014/main" id="{67A8AE4F-F6F6-4350-8675-678B0C619E8E}"/>
            </a:ext>
          </a:extLst>
        </xdr:cNvPr>
        <xdr:cNvSpPr/>
      </xdr:nvSpPr>
      <xdr:spPr>
        <a:xfrm>
          <a:off x="15430500" y="1824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25186</xdr:rowOff>
    </xdr:from>
    <xdr:to>
      <xdr:col>85</xdr:col>
      <xdr:colOff>127000</xdr:colOff>
      <xdr:row>106</xdr:row>
      <xdr:rowOff>157843</xdr:rowOff>
    </xdr:to>
    <xdr:cxnSp macro="">
      <xdr:nvCxnSpPr>
        <xdr:cNvPr id="790" name="直線コネクタ 789">
          <a:extLst>
            <a:ext uri="{FF2B5EF4-FFF2-40B4-BE49-F238E27FC236}">
              <a16:creationId xmlns:a16="http://schemas.microsoft.com/office/drawing/2014/main" id="{7ADE5E51-F829-4F6F-ADEA-B499BF87E39A}"/>
            </a:ext>
          </a:extLst>
        </xdr:cNvPr>
        <xdr:cNvCxnSpPr/>
      </xdr:nvCxnSpPr>
      <xdr:spPr>
        <a:xfrm>
          <a:off x="15481300" y="18298886"/>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41729</xdr:rowOff>
    </xdr:from>
    <xdr:to>
      <xdr:col>76</xdr:col>
      <xdr:colOff>165100</xdr:colOff>
      <xdr:row>106</xdr:row>
      <xdr:rowOff>143329</xdr:rowOff>
    </xdr:to>
    <xdr:sp macro="" textlink="">
      <xdr:nvSpPr>
        <xdr:cNvPr id="791" name="楕円 790">
          <a:extLst>
            <a:ext uri="{FF2B5EF4-FFF2-40B4-BE49-F238E27FC236}">
              <a16:creationId xmlns:a16="http://schemas.microsoft.com/office/drawing/2014/main" id="{AA15538C-83A2-4772-AE8E-7F54FA5A8E29}"/>
            </a:ext>
          </a:extLst>
        </xdr:cNvPr>
        <xdr:cNvSpPr/>
      </xdr:nvSpPr>
      <xdr:spPr>
        <a:xfrm>
          <a:off x="14541500" y="1821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92529</xdr:rowOff>
    </xdr:from>
    <xdr:to>
      <xdr:col>81</xdr:col>
      <xdr:colOff>50800</xdr:colOff>
      <xdr:row>106</xdr:row>
      <xdr:rowOff>125186</xdr:rowOff>
    </xdr:to>
    <xdr:cxnSp macro="">
      <xdr:nvCxnSpPr>
        <xdr:cNvPr id="792" name="直線コネクタ 791">
          <a:extLst>
            <a:ext uri="{FF2B5EF4-FFF2-40B4-BE49-F238E27FC236}">
              <a16:creationId xmlns:a16="http://schemas.microsoft.com/office/drawing/2014/main" id="{05518A78-B581-4583-A964-EC28B4A1966F}"/>
            </a:ext>
          </a:extLst>
        </xdr:cNvPr>
        <xdr:cNvCxnSpPr/>
      </xdr:nvCxnSpPr>
      <xdr:spPr>
        <a:xfrm>
          <a:off x="14592300" y="1826622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9071</xdr:rowOff>
    </xdr:from>
    <xdr:to>
      <xdr:col>72</xdr:col>
      <xdr:colOff>38100</xdr:colOff>
      <xdr:row>106</xdr:row>
      <xdr:rowOff>110671</xdr:rowOff>
    </xdr:to>
    <xdr:sp macro="" textlink="">
      <xdr:nvSpPr>
        <xdr:cNvPr id="793" name="楕円 792">
          <a:extLst>
            <a:ext uri="{FF2B5EF4-FFF2-40B4-BE49-F238E27FC236}">
              <a16:creationId xmlns:a16="http://schemas.microsoft.com/office/drawing/2014/main" id="{892DCD53-FB8F-4DCB-8467-75C2089552DE}"/>
            </a:ext>
          </a:extLst>
        </xdr:cNvPr>
        <xdr:cNvSpPr/>
      </xdr:nvSpPr>
      <xdr:spPr>
        <a:xfrm>
          <a:off x="13652500" y="18182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59871</xdr:rowOff>
    </xdr:from>
    <xdr:to>
      <xdr:col>76</xdr:col>
      <xdr:colOff>114300</xdr:colOff>
      <xdr:row>106</xdr:row>
      <xdr:rowOff>92529</xdr:rowOff>
    </xdr:to>
    <xdr:cxnSp macro="">
      <xdr:nvCxnSpPr>
        <xdr:cNvPr id="794" name="直線コネクタ 793">
          <a:extLst>
            <a:ext uri="{FF2B5EF4-FFF2-40B4-BE49-F238E27FC236}">
              <a16:creationId xmlns:a16="http://schemas.microsoft.com/office/drawing/2014/main" id="{801DF2DF-B875-441D-926B-D06CF0DAF43D}"/>
            </a:ext>
          </a:extLst>
        </xdr:cNvPr>
        <xdr:cNvCxnSpPr/>
      </xdr:nvCxnSpPr>
      <xdr:spPr>
        <a:xfrm>
          <a:off x="13703300" y="18233571"/>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38463</xdr:rowOff>
    </xdr:from>
    <xdr:to>
      <xdr:col>67</xdr:col>
      <xdr:colOff>101600</xdr:colOff>
      <xdr:row>105</xdr:row>
      <xdr:rowOff>140063</xdr:rowOff>
    </xdr:to>
    <xdr:sp macro="" textlink="">
      <xdr:nvSpPr>
        <xdr:cNvPr id="795" name="楕円 794">
          <a:extLst>
            <a:ext uri="{FF2B5EF4-FFF2-40B4-BE49-F238E27FC236}">
              <a16:creationId xmlns:a16="http://schemas.microsoft.com/office/drawing/2014/main" id="{019FB842-21A6-4ACC-A132-F451393258A3}"/>
            </a:ext>
          </a:extLst>
        </xdr:cNvPr>
        <xdr:cNvSpPr/>
      </xdr:nvSpPr>
      <xdr:spPr>
        <a:xfrm>
          <a:off x="12763500" y="18040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89263</xdr:rowOff>
    </xdr:from>
    <xdr:to>
      <xdr:col>71</xdr:col>
      <xdr:colOff>177800</xdr:colOff>
      <xdr:row>106</xdr:row>
      <xdr:rowOff>59871</xdr:rowOff>
    </xdr:to>
    <xdr:cxnSp macro="">
      <xdr:nvCxnSpPr>
        <xdr:cNvPr id="796" name="直線コネクタ 795">
          <a:extLst>
            <a:ext uri="{FF2B5EF4-FFF2-40B4-BE49-F238E27FC236}">
              <a16:creationId xmlns:a16="http://schemas.microsoft.com/office/drawing/2014/main" id="{4F1DA460-63FA-4E97-8BDD-0D9CDC4971CA}"/>
            </a:ext>
          </a:extLst>
        </xdr:cNvPr>
        <xdr:cNvCxnSpPr/>
      </xdr:nvCxnSpPr>
      <xdr:spPr>
        <a:xfrm>
          <a:off x="12814300" y="18091513"/>
          <a:ext cx="889000" cy="142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68020</xdr:rowOff>
    </xdr:from>
    <xdr:ext cx="405111" cy="259045"/>
    <xdr:sp macro="" textlink="">
      <xdr:nvSpPr>
        <xdr:cNvPr id="797" name="n_1aveValue【公民館】&#10;有形固定資産減価償却率">
          <a:extLst>
            <a:ext uri="{FF2B5EF4-FFF2-40B4-BE49-F238E27FC236}">
              <a16:creationId xmlns:a16="http://schemas.microsoft.com/office/drawing/2014/main" id="{8909BA99-4735-4E68-A05D-88E8B2DFD3B0}"/>
            </a:ext>
          </a:extLst>
        </xdr:cNvPr>
        <xdr:cNvSpPr txBox="1"/>
      </xdr:nvSpPr>
      <xdr:spPr>
        <a:xfrm>
          <a:off x="15266044" y="17998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54957</xdr:rowOff>
    </xdr:from>
    <xdr:ext cx="405111" cy="259045"/>
    <xdr:sp macro="" textlink="">
      <xdr:nvSpPr>
        <xdr:cNvPr id="798" name="n_2aveValue【公民館】&#10;有形固定資産減価償却率">
          <a:extLst>
            <a:ext uri="{FF2B5EF4-FFF2-40B4-BE49-F238E27FC236}">
              <a16:creationId xmlns:a16="http://schemas.microsoft.com/office/drawing/2014/main" id="{59145C9F-774A-4265-9FC2-75F716410199}"/>
            </a:ext>
          </a:extLst>
        </xdr:cNvPr>
        <xdr:cNvSpPr txBox="1"/>
      </xdr:nvSpPr>
      <xdr:spPr>
        <a:xfrm>
          <a:off x="14389744" y="17985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54050</xdr:rowOff>
    </xdr:from>
    <xdr:ext cx="405111" cy="259045"/>
    <xdr:sp macro="" textlink="">
      <xdr:nvSpPr>
        <xdr:cNvPr id="799" name="n_3aveValue【公民館】&#10;有形固定資産減価償却率">
          <a:extLst>
            <a:ext uri="{FF2B5EF4-FFF2-40B4-BE49-F238E27FC236}">
              <a16:creationId xmlns:a16="http://schemas.microsoft.com/office/drawing/2014/main" id="{76EAB3C9-BB6D-4DDE-914B-6C755A9B2ACE}"/>
            </a:ext>
          </a:extLst>
        </xdr:cNvPr>
        <xdr:cNvSpPr txBox="1"/>
      </xdr:nvSpPr>
      <xdr:spPr>
        <a:xfrm>
          <a:off x="13500744" y="18327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19759</xdr:rowOff>
    </xdr:from>
    <xdr:ext cx="405111" cy="259045"/>
    <xdr:sp macro="" textlink="">
      <xdr:nvSpPr>
        <xdr:cNvPr id="800" name="n_4aveValue【公民館】&#10;有形固定資産減価償却率">
          <a:extLst>
            <a:ext uri="{FF2B5EF4-FFF2-40B4-BE49-F238E27FC236}">
              <a16:creationId xmlns:a16="http://schemas.microsoft.com/office/drawing/2014/main" id="{1CEE1E1B-E83C-4730-8A37-D7094F4C079A}"/>
            </a:ext>
          </a:extLst>
        </xdr:cNvPr>
        <xdr:cNvSpPr txBox="1"/>
      </xdr:nvSpPr>
      <xdr:spPr>
        <a:xfrm>
          <a:off x="12611744" y="182934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67113</xdr:rowOff>
    </xdr:from>
    <xdr:ext cx="405111" cy="259045"/>
    <xdr:sp macro="" textlink="">
      <xdr:nvSpPr>
        <xdr:cNvPr id="801" name="n_1mainValue【公民館】&#10;有形固定資産減価償却率">
          <a:extLst>
            <a:ext uri="{FF2B5EF4-FFF2-40B4-BE49-F238E27FC236}">
              <a16:creationId xmlns:a16="http://schemas.microsoft.com/office/drawing/2014/main" id="{DEC30E0D-CCC8-4B4A-ACAD-FB01B0B480A5}"/>
            </a:ext>
          </a:extLst>
        </xdr:cNvPr>
        <xdr:cNvSpPr txBox="1"/>
      </xdr:nvSpPr>
      <xdr:spPr>
        <a:xfrm>
          <a:off x="15266044" y="18340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34456</xdr:rowOff>
    </xdr:from>
    <xdr:ext cx="405111" cy="259045"/>
    <xdr:sp macro="" textlink="">
      <xdr:nvSpPr>
        <xdr:cNvPr id="802" name="n_2mainValue【公民館】&#10;有形固定資産減価償却率">
          <a:extLst>
            <a:ext uri="{FF2B5EF4-FFF2-40B4-BE49-F238E27FC236}">
              <a16:creationId xmlns:a16="http://schemas.microsoft.com/office/drawing/2014/main" id="{6CA635EA-7B68-4DA5-B4CE-DBBD1B36EDC7}"/>
            </a:ext>
          </a:extLst>
        </xdr:cNvPr>
        <xdr:cNvSpPr txBox="1"/>
      </xdr:nvSpPr>
      <xdr:spPr>
        <a:xfrm>
          <a:off x="14389744" y="183081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27198</xdr:rowOff>
    </xdr:from>
    <xdr:ext cx="405111" cy="259045"/>
    <xdr:sp macro="" textlink="">
      <xdr:nvSpPr>
        <xdr:cNvPr id="803" name="n_3mainValue【公民館】&#10;有形固定資産減価償却率">
          <a:extLst>
            <a:ext uri="{FF2B5EF4-FFF2-40B4-BE49-F238E27FC236}">
              <a16:creationId xmlns:a16="http://schemas.microsoft.com/office/drawing/2014/main" id="{F970E4EF-0F92-4878-8B50-4FCA0D0DDDF1}"/>
            </a:ext>
          </a:extLst>
        </xdr:cNvPr>
        <xdr:cNvSpPr txBox="1"/>
      </xdr:nvSpPr>
      <xdr:spPr>
        <a:xfrm>
          <a:off x="13500744" y="179579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56590</xdr:rowOff>
    </xdr:from>
    <xdr:ext cx="405111" cy="259045"/>
    <xdr:sp macro="" textlink="">
      <xdr:nvSpPr>
        <xdr:cNvPr id="804" name="n_4mainValue【公民館】&#10;有形固定資産減価償却率">
          <a:extLst>
            <a:ext uri="{FF2B5EF4-FFF2-40B4-BE49-F238E27FC236}">
              <a16:creationId xmlns:a16="http://schemas.microsoft.com/office/drawing/2014/main" id="{46E774CB-54E2-482C-820D-19A6BE06F13E}"/>
            </a:ext>
          </a:extLst>
        </xdr:cNvPr>
        <xdr:cNvSpPr txBox="1"/>
      </xdr:nvSpPr>
      <xdr:spPr>
        <a:xfrm>
          <a:off x="12611744" y="1781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5" name="正方形/長方形 804">
          <a:extLst>
            <a:ext uri="{FF2B5EF4-FFF2-40B4-BE49-F238E27FC236}">
              <a16:creationId xmlns:a16="http://schemas.microsoft.com/office/drawing/2014/main" id="{8AD27244-FDA2-41C3-8644-933AC273F5BC}"/>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6" name="正方形/長方形 805">
          <a:extLst>
            <a:ext uri="{FF2B5EF4-FFF2-40B4-BE49-F238E27FC236}">
              <a16:creationId xmlns:a16="http://schemas.microsoft.com/office/drawing/2014/main" id="{D1AA23B8-67F2-4279-9487-9E3F1F6ED98E}"/>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7" name="正方形/長方形 806">
          <a:extLst>
            <a:ext uri="{FF2B5EF4-FFF2-40B4-BE49-F238E27FC236}">
              <a16:creationId xmlns:a16="http://schemas.microsoft.com/office/drawing/2014/main" id="{0295CFEA-7577-4881-9B60-B7CBDC5A1909}"/>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8" name="正方形/長方形 807">
          <a:extLst>
            <a:ext uri="{FF2B5EF4-FFF2-40B4-BE49-F238E27FC236}">
              <a16:creationId xmlns:a16="http://schemas.microsoft.com/office/drawing/2014/main" id="{CC252868-B244-420E-9F0B-D951D55E1B52}"/>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9" name="正方形/長方形 808">
          <a:extLst>
            <a:ext uri="{FF2B5EF4-FFF2-40B4-BE49-F238E27FC236}">
              <a16:creationId xmlns:a16="http://schemas.microsoft.com/office/drawing/2014/main" id="{3EAE4F7B-C774-4138-A287-1A6725DD3F0F}"/>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10" name="正方形/長方形 809">
          <a:extLst>
            <a:ext uri="{FF2B5EF4-FFF2-40B4-BE49-F238E27FC236}">
              <a16:creationId xmlns:a16="http://schemas.microsoft.com/office/drawing/2014/main" id="{DC737FD1-FA5B-4EA8-AEEB-2167641B3973}"/>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11" name="正方形/長方形 810">
          <a:extLst>
            <a:ext uri="{FF2B5EF4-FFF2-40B4-BE49-F238E27FC236}">
              <a16:creationId xmlns:a16="http://schemas.microsoft.com/office/drawing/2014/main" id="{123AFF50-09A1-4A6C-AA33-B57D9D90EB61}"/>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12" name="正方形/長方形 811">
          <a:extLst>
            <a:ext uri="{FF2B5EF4-FFF2-40B4-BE49-F238E27FC236}">
              <a16:creationId xmlns:a16="http://schemas.microsoft.com/office/drawing/2014/main" id="{67BE2131-3055-40A0-9859-60F88B034BCF}"/>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13" name="テキスト ボックス 812">
          <a:extLst>
            <a:ext uri="{FF2B5EF4-FFF2-40B4-BE49-F238E27FC236}">
              <a16:creationId xmlns:a16="http://schemas.microsoft.com/office/drawing/2014/main" id="{2CF9A245-54AD-406E-B226-FCA447C5BEE8}"/>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14" name="直線コネクタ 813">
          <a:extLst>
            <a:ext uri="{FF2B5EF4-FFF2-40B4-BE49-F238E27FC236}">
              <a16:creationId xmlns:a16="http://schemas.microsoft.com/office/drawing/2014/main" id="{976C06BE-0BC5-48E8-966F-33EC986FF5AC}"/>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15" name="直線コネクタ 814">
          <a:extLst>
            <a:ext uri="{FF2B5EF4-FFF2-40B4-BE49-F238E27FC236}">
              <a16:creationId xmlns:a16="http://schemas.microsoft.com/office/drawing/2014/main" id="{3C9E37B2-6C20-43F5-AB6A-F3D430E74045}"/>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16" name="テキスト ボックス 815">
          <a:extLst>
            <a:ext uri="{FF2B5EF4-FFF2-40B4-BE49-F238E27FC236}">
              <a16:creationId xmlns:a16="http://schemas.microsoft.com/office/drawing/2014/main" id="{FAEEEFB5-F7C0-4FE3-AC02-FE60B34D7311}"/>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17" name="直線コネクタ 816">
          <a:extLst>
            <a:ext uri="{FF2B5EF4-FFF2-40B4-BE49-F238E27FC236}">
              <a16:creationId xmlns:a16="http://schemas.microsoft.com/office/drawing/2014/main" id="{70674903-AF17-4BE0-8118-854070E2596B}"/>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18" name="テキスト ボックス 817">
          <a:extLst>
            <a:ext uri="{FF2B5EF4-FFF2-40B4-BE49-F238E27FC236}">
              <a16:creationId xmlns:a16="http://schemas.microsoft.com/office/drawing/2014/main" id="{3637FBB5-10B0-4918-8813-0F8E88075981}"/>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19" name="直線コネクタ 818">
          <a:extLst>
            <a:ext uri="{FF2B5EF4-FFF2-40B4-BE49-F238E27FC236}">
              <a16:creationId xmlns:a16="http://schemas.microsoft.com/office/drawing/2014/main" id="{D946B60E-4BDD-4246-A0EC-7E57168DDDE6}"/>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20" name="テキスト ボックス 819">
          <a:extLst>
            <a:ext uri="{FF2B5EF4-FFF2-40B4-BE49-F238E27FC236}">
              <a16:creationId xmlns:a16="http://schemas.microsoft.com/office/drawing/2014/main" id="{3FA911FC-D4EE-4B9C-8E9D-2722A6B9D727}"/>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21" name="直線コネクタ 820">
          <a:extLst>
            <a:ext uri="{FF2B5EF4-FFF2-40B4-BE49-F238E27FC236}">
              <a16:creationId xmlns:a16="http://schemas.microsoft.com/office/drawing/2014/main" id="{D9D31C04-27FE-4AB3-9ADD-81EDC85DD5E4}"/>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22" name="テキスト ボックス 821">
          <a:extLst>
            <a:ext uri="{FF2B5EF4-FFF2-40B4-BE49-F238E27FC236}">
              <a16:creationId xmlns:a16="http://schemas.microsoft.com/office/drawing/2014/main" id="{5ABCFE7C-6DD5-415A-867F-8BDE626703FA}"/>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23" name="直線コネクタ 822">
          <a:extLst>
            <a:ext uri="{FF2B5EF4-FFF2-40B4-BE49-F238E27FC236}">
              <a16:creationId xmlns:a16="http://schemas.microsoft.com/office/drawing/2014/main" id="{F45E1828-610F-445C-A0DC-FC1CA3C26AF9}"/>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24" name="テキスト ボックス 823">
          <a:extLst>
            <a:ext uri="{FF2B5EF4-FFF2-40B4-BE49-F238E27FC236}">
              <a16:creationId xmlns:a16="http://schemas.microsoft.com/office/drawing/2014/main" id="{A7B37FA7-757B-4C9A-9092-C984D5CA748A}"/>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25" name="直線コネクタ 824">
          <a:extLst>
            <a:ext uri="{FF2B5EF4-FFF2-40B4-BE49-F238E27FC236}">
              <a16:creationId xmlns:a16="http://schemas.microsoft.com/office/drawing/2014/main" id="{185C0683-336E-49EC-BB77-5DDA9C5D29DF}"/>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26" name="テキスト ボックス 825">
          <a:extLst>
            <a:ext uri="{FF2B5EF4-FFF2-40B4-BE49-F238E27FC236}">
              <a16:creationId xmlns:a16="http://schemas.microsoft.com/office/drawing/2014/main" id="{20CDA988-253C-40DB-B2DE-50BFE52FBC9E}"/>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7" name="直線コネクタ 826">
          <a:extLst>
            <a:ext uri="{FF2B5EF4-FFF2-40B4-BE49-F238E27FC236}">
              <a16:creationId xmlns:a16="http://schemas.microsoft.com/office/drawing/2014/main" id="{87157198-0123-4780-AC06-96E62583BB1B}"/>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8" name="テキスト ボックス 827">
          <a:extLst>
            <a:ext uri="{FF2B5EF4-FFF2-40B4-BE49-F238E27FC236}">
              <a16:creationId xmlns:a16="http://schemas.microsoft.com/office/drawing/2014/main" id="{45122228-9BDD-4CE4-A667-3BC204C71C67}"/>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9" name="【公民館】&#10;一人当たり面積グラフ枠">
          <a:extLst>
            <a:ext uri="{FF2B5EF4-FFF2-40B4-BE49-F238E27FC236}">
              <a16:creationId xmlns:a16="http://schemas.microsoft.com/office/drawing/2014/main" id="{C43DF8BB-931A-4E22-86E5-A88F7E9D4F47}"/>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15388</xdr:rowOff>
    </xdr:from>
    <xdr:to>
      <xdr:col>116</xdr:col>
      <xdr:colOff>62864</xdr:colOff>
      <xdr:row>109</xdr:row>
      <xdr:rowOff>16873</xdr:rowOff>
    </xdr:to>
    <xdr:cxnSp macro="">
      <xdr:nvCxnSpPr>
        <xdr:cNvPr id="830" name="直線コネクタ 829">
          <a:extLst>
            <a:ext uri="{FF2B5EF4-FFF2-40B4-BE49-F238E27FC236}">
              <a16:creationId xmlns:a16="http://schemas.microsoft.com/office/drawing/2014/main" id="{E6F4254D-8364-49F0-BFFE-9AC06BDE02A9}"/>
            </a:ext>
          </a:extLst>
        </xdr:cNvPr>
        <xdr:cNvCxnSpPr/>
      </xdr:nvCxnSpPr>
      <xdr:spPr>
        <a:xfrm flipV="1">
          <a:off x="22160864" y="17260388"/>
          <a:ext cx="0" cy="1444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0700</xdr:rowOff>
    </xdr:from>
    <xdr:ext cx="469744" cy="259045"/>
    <xdr:sp macro="" textlink="">
      <xdr:nvSpPr>
        <xdr:cNvPr id="831" name="【公民館】&#10;一人当たり面積最小値テキスト">
          <a:extLst>
            <a:ext uri="{FF2B5EF4-FFF2-40B4-BE49-F238E27FC236}">
              <a16:creationId xmlns:a16="http://schemas.microsoft.com/office/drawing/2014/main" id="{6E03B935-055D-45BF-ACC8-FB73962FAC92}"/>
            </a:ext>
          </a:extLst>
        </xdr:cNvPr>
        <xdr:cNvSpPr txBox="1"/>
      </xdr:nvSpPr>
      <xdr:spPr>
        <a:xfrm>
          <a:off x="22199600" y="18708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6873</xdr:rowOff>
    </xdr:from>
    <xdr:to>
      <xdr:col>116</xdr:col>
      <xdr:colOff>152400</xdr:colOff>
      <xdr:row>109</xdr:row>
      <xdr:rowOff>16873</xdr:rowOff>
    </xdr:to>
    <xdr:cxnSp macro="">
      <xdr:nvCxnSpPr>
        <xdr:cNvPr id="832" name="直線コネクタ 831">
          <a:extLst>
            <a:ext uri="{FF2B5EF4-FFF2-40B4-BE49-F238E27FC236}">
              <a16:creationId xmlns:a16="http://schemas.microsoft.com/office/drawing/2014/main" id="{035C0858-C083-4913-924B-C344493C1C87}"/>
            </a:ext>
          </a:extLst>
        </xdr:cNvPr>
        <xdr:cNvCxnSpPr/>
      </xdr:nvCxnSpPr>
      <xdr:spPr>
        <a:xfrm>
          <a:off x="22072600" y="18704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62065</xdr:rowOff>
    </xdr:from>
    <xdr:ext cx="469744" cy="259045"/>
    <xdr:sp macro="" textlink="">
      <xdr:nvSpPr>
        <xdr:cNvPr id="833" name="【公民館】&#10;一人当たり面積最大値テキスト">
          <a:extLst>
            <a:ext uri="{FF2B5EF4-FFF2-40B4-BE49-F238E27FC236}">
              <a16:creationId xmlns:a16="http://schemas.microsoft.com/office/drawing/2014/main" id="{48647AF5-7283-4CB4-9DD2-A7CF66AE331B}"/>
            </a:ext>
          </a:extLst>
        </xdr:cNvPr>
        <xdr:cNvSpPr txBox="1"/>
      </xdr:nvSpPr>
      <xdr:spPr>
        <a:xfrm>
          <a:off x="22199600" y="17035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15388</xdr:rowOff>
    </xdr:from>
    <xdr:to>
      <xdr:col>116</xdr:col>
      <xdr:colOff>152400</xdr:colOff>
      <xdr:row>100</xdr:row>
      <xdr:rowOff>115388</xdr:rowOff>
    </xdr:to>
    <xdr:cxnSp macro="">
      <xdr:nvCxnSpPr>
        <xdr:cNvPr id="834" name="直線コネクタ 833">
          <a:extLst>
            <a:ext uri="{FF2B5EF4-FFF2-40B4-BE49-F238E27FC236}">
              <a16:creationId xmlns:a16="http://schemas.microsoft.com/office/drawing/2014/main" id="{2228227A-A3A3-44B5-A585-CC882521A5BC}"/>
            </a:ext>
          </a:extLst>
        </xdr:cNvPr>
        <xdr:cNvCxnSpPr/>
      </xdr:nvCxnSpPr>
      <xdr:spPr>
        <a:xfrm>
          <a:off x="22072600" y="17260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10326</xdr:rowOff>
    </xdr:from>
    <xdr:ext cx="469744" cy="259045"/>
    <xdr:sp macro="" textlink="">
      <xdr:nvSpPr>
        <xdr:cNvPr id="835" name="【公民館】&#10;一人当たり面積平均値テキスト">
          <a:extLst>
            <a:ext uri="{FF2B5EF4-FFF2-40B4-BE49-F238E27FC236}">
              <a16:creationId xmlns:a16="http://schemas.microsoft.com/office/drawing/2014/main" id="{C6D8B340-E6BA-4F5F-BAE8-893ADE988323}"/>
            </a:ext>
          </a:extLst>
        </xdr:cNvPr>
        <xdr:cNvSpPr txBox="1"/>
      </xdr:nvSpPr>
      <xdr:spPr>
        <a:xfrm>
          <a:off x="22199600" y="1811257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87449</xdr:rowOff>
    </xdr:from>
    <xdr:to>
      <xdr:col>116</xdr:col>
      <xdr:colOff>114300</xdr:colOff>
      <xdr:row>107</xdr:row>
      <xdr:rowOff>17599</xdr:rowOff>
    </xdr:to>
    <xdr:sp macro="" textlink="">
      <xdr:nvSpPr>
        <xdr:cNvPr id="836" name="フローチャート: 判断 835">
          <a:extLst>
            <a:ext uri="{FF2B5EF4-FFF2-40B4-BE49-F238E27FC236}">
              <a16:creationId xmlns:a16="http://schemas.microsoft.com/office/drawing/2014/main" id="{BD557ADD-DF2D-4291-A4E0-21B2CBDAC15F}"/>
            </a:ext>
          </a:extLst>
        </xdr:cNvPr>
        <xdr:cNvSpPr/>
      </xdr:nvSpPr>
      <xdr:spPr>
        <a:xfrm>
          <a:off x="22110700" y="18261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76563</xdr:rowOff>
    </xdr:from>
    <xdr:to>
      <xdr:col>112</xdr:col>
      <xdr:colOff>38100</xdr:colOff>
      <xdr:row>107</xdr:row>
      <xdr:rowOff>6713</xdr:rowOff>
    </xdr:to>
    <xdr:sp macro="" textlink="">
      <xdr:nvSpPr>
        <xdr:cNvPr id="837" name="フローチャート: 判断 836">
          <a:extLst>
            <a:ext uri="{FF2B5EF4-FFF2-40B4-BE49-F238E27FC236}">
              <a16:creationId xmlns:a16="http://schemas.microsoft.com/office/drawing/2014/main" id="{D65D0B18-8B40-4AC5-8253-F8B17113A2B6}"/>
            </a:ext>
          </a:extLst>
        </xdr:cNvPr>
        <xdr:cNvSpPr/>
      </xdr:nvSpPr>
      <xdr:spPr>
        <a:xfrm>
          <a:off x="21272500" y="18250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68943</xdr:rowOff>
    </xdr:from>
    <xdr:to>
      <xdr:col>107</xdr:col>
      <xdr:colOff>101600</xdr:colOff>
      <xdr:row>106</xdr:row>
      <xdr:rowOff>170543</xdr:rowOff>
    </xdr:to>
    <xdr:sp macro="" textlink="">
      <xdr:nvSpPr>
        <xdr:cNvPr id="838" name="フローチャート: 判断 837">
          <a:extLst>
            <a:ext uri="{FF2B5EF4-FFF2-40B4-BE49-F238E27FC236}">
              <a16:creationId xmlns:a16="http://schemas.microsoft.com/office/drawing/2014/main" id="{194478DC-A8B0-4C30-8BE2-7ADBA85FB9FF}"/>
            </a:ext>
          </a:extLst>
        </xdr:cNvPr>
        <xdr:cNvSpPr/>
      </xdr:nvSpPr>
      <xdr:spPr>
        <a:xfrm>
          <a:off x="20383500" y="1824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73298</xdr:rowOff>
    </xdr:from>
    <xdr:to>
      <xdr:col>102</xdr:col>
      <xdr:colOff>165100</xdr:colOff>
      <xdr:row>107</xdr:row>
      <xdr:rowOff>3448</xdr:rowOff>
    </xdr:to>
    <xdr:sp macro="" textlink="">
      <xdr:nvSpPr>
        <xdr:cNvPr id="839" name="フローチャート: 判断 838">
          <a:extLst>
            <a:ext uri="{FF2B5EF4-FFF2-40B4-BE49-F238E27FC236}">
              <a16:creationId xmlns:a16="http://schemas.microsoft.com/office/drawing/2014/main" id="{71A89921-4011-4B33-8282-8E4F762FCD69}"/>
            </a:ext>
          </a:extLst>
        </xdr:cNvPr>
        <xdr:cNvSpPr/>
      </xdr:nvSpPr>
      <xdr:spPr>
        <a:xfrm>
          <a:off x="19494500" y="1824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72208</xdr:rowOff>
    </xdr:from>
    <xdr:to>
      <xdr:col>98</xdr:col>
      <xdr:colOff>38100</xdr:colOff>
      <xdr:row>107</xdr:row>
      <xdr:rowOff>2358</xdr:rowOff>
    </xdr:to>
    <xdr:sp macro="" textlink="">
      <xdr:nvSpPr>
        <xdr:cNvPr id="840" name="フローチャート: 判断 839">
          <a:extLst>
            <a:ext uri="{FF2B5EF4-FFF2-40B4-BE49-F238E27FC236}">
              <a16:creationId xmlns:a16="http://schemas.microsoft.com/office/drawing/2014/main" id="{B52DF891-8D5B-4E93-9546-37D3DDCE491D}"/>
            </a:ext>
          </a:extLst>
        </xdr:cNvPr>
        <xdr:cNvSpPr/>
      </xdr:nvSpPr>
      <xdr:spPr>
        <a:xfrm>
          <a:off x="18605500" y="1824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41" name="テキスト ボックス 840">
          <a:extLst>
            <a:ext uri="{FF2B5EF4-FFF2-40B4-BE49-F238E27FC236}">
              <a16:creationId xmlns:a16="http://schemas.microsoft.com/office/drawing/2014/main" id="{DBAA6E1D-CA2A-48FA-BCA5-DF94C37E2EF5}"/>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2" name="テキスト ボックス 841">
          <a:extLst>
            <a:ext uri="{FF2B5EF4-FFF2-40B4-BE49-F238E27FC236}">
              <a16:creationId xmlns:a16="http://schemas.microsoft.com/office/drawing/2014/main" id="{F69D58C5-65A9-410E-A6C7-ECA19C51EC7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3" name="テキスト ボックス 842">
          <a:extLst>
            <a:ext uri="{FF2B5EF4-FFF2-40B4-BE49-F238E27FC236}">
              <a16:creationId xmlns:a16="http://schemas.microsoft.com/office/drawing/2014/main" id="{13358837-E0BF-4608-BEB9-8E0A7ED75584}"/>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4" name="テキスト ボックス 843">
          <a:extLst>
            <a:ext uri="{FF2B5EF4-FFF2-40B4-BE49-F238E27FC236}">
              <a16:creationId xmlns:a16="http://schemas.microsoft.com/office/drawing/2014/main" id="{60D12552-2E08-400F-949A-C1E3EE8F30E5}"/>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5" name="テキスト ボックス 844">
          <a:extLst>
            <a:ext uri="{FF2B5EF4-FFF2-40B4-BE49-F238E27FC236}">
              <a16:creationId xmlns:a16="http://schemas.microsoft.com/office/drawing/2014/main" id="{90DDBD64-9403-49E3-807C-5E7EDDACFCAE}"/>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8527</xdr:rowOff>
    </xdr:from>
    <xdr:to>
      <xdr:col>116</xdr:col>
      <xdr:colOff>114300</xdr:colOff>
      <xdr:row>107</xdr:row>
      <xdr:rowOff>110127</xdr:rowOff>
    </xdr:to>
    <xdr:sp macro="" textlink="">
      <xdr:nvSpPr>
        <xdr:cNvPr id="846" name="楕円 845">
          <a:extLst>
            <a:ext uri="{FF2B5EF4-FFF2-40B4-BE49-F238E27FC236}">
              <a16:creationId xmlns:a16="http://schemas.microsoft.com/office/drawing/2014/main" id="{398BB435-3C19-4D1E-9E6E-88D15F0964B7}"/>
            </a:ext>
          </a:extLst>
        </xdr:cNvPr>
        <xdr:cNvSpPr/>
      </xdr:nvSpPr>
      <xdr:spPr>
        <a:xfrm>
          <a:off x="22110700" y="18353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58404</xdr:rowOff>
    </xdr:from>
    <xdr:ext cx="469744" cy="259045"/>
    <xdr:sp macro="" textlink="">
      <xdr:nvSpPr>
        <xdr:cNvPr id="847" name="【公民館】&#10;一人当たり面積該当値テキスト">
          <a:extLst>
            <a:ext uri="{FF2B5EF4-FFF2-40B4-BE49-F238E27FC236}">
              <a16:creationId xmlns:a16="http://schemas.microsoft.com/office/drawing/2014/main" id="{995DAC7D-80EF-4F3C-AE0A-087B96DEEDBD}"/>
            </a:ext>
          </a:extLst>
        </xdr:cNvPr>
        <xdr:cNvSpPr txBox="1"/>
      </xdr:nvSpPr>
      <xdr:spPr>
        <a:xfrm>
          <a:off x="22199600" y="18332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3970</xdr:rowOff>
    </xdr:from>
    <xdr:to>
      <xdr:col>112</xdr:col>
      <xdr:colOff>38100</xdr:colOff>
      <xdr:row>107</xdr:row>
      <xdr:rowOff>115570</xdr:rowOff>
    </xdr:to>
    <xdr:sp macro="" textlink="">
      <xdr:nvSpPr>
        <xdr:cNvPr id="848" name="楕円 847">
          <a:extLst>
            <a:ext uri="{FF2B5EF4-FFF2-40B4-BE49-F238E27FC236}">
              <a16:creationId xmlns:a16="http://schemas.microsoft.com/office/drawing/2014/main" id="{1180014B-37F8-4154-A2F6-0B938DC40B44}"/>
            </a:ext>
          </a:extLst>
        </xdr:cNvPr>
        <xdr:cNvSpPr/>
      </xdr:nvSpPr>
      <xdr:spPr>
        <a:xfrm>
          <a:off x="21272500" y="1835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59327</xdr:rowOff>
    </xdr:from>
    <xdr:to>
      <xdr:col>116</xdr:col>
      <xdr:colOff>63500</xdr:colOff>
      <xdr:row>107</xdr:row>
      <xdr:rowOff>64770</xdr:rowOff>
    </xdr:to>
    <xdr:cxnSp macro="">
      <xdr:nvCxnSpPr>
        <xdr:cNvPr id="849" name="直線コネクタ 848">
          <a:extLst>
            <a:ext uri="{FF2B5EF4-FFF2-40B4-BE49-F238E27FC236}">
              <a16:creationId xmlns:a16="http://schemas.microsoft.com/office/drawing/2014/main" id="{8BE73A8E-8F47-4BAA-A082-8CB04AD3000C}"/>
            </a:ext>
          </a:extLst>
        </xdr:cNvPr>
        <xdr:cNvCxnSpPr/>
      </xdr:nvCxnSpPr>
      <xdr:spPr>
        <a:xfrm flipV="1">
          <a:off x="21323300" y="18404477"/>
          <a:ext cx="838200" cy="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8324</xdr:rowOff>
    </xdr:from>
    <xdr:to>
      <xdr:col>107</xdr:col>
      <xdr:colOff>101600</xdr:colOff>
      <xdr:row>107</xdr:row>
      <xdr:rowOff>119924</xdr:rowOff>
    </xdr:to>
    <xdr:sp macro="" textlink="">
      <xdr:nvSpPr>
        <xdr:cNvPr id="850" name="楕円 849">
          <a:extLst>
            <a:ext uri="{FF2B5EF4-FFF2-40B4-BE49-F238E27FC236}">
              <a16:creationId xmlns:a16="http://schemas.microsoft.com/office/drawing/2014/main" id="{85936E25-BF1E-4B79-8EA9-A68E2F596644}"/>
            </a:ext>
          </a:extLst>
        </xdr:cNvPr>
        <xdr:cNvSpPr/>
      </xdr:nvSpPr>
      <xdr:spPr>
        <a:xfrm>
          <a:off x="20383500" y="18363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64770</xdr:rowOff>
    </xdr:from>
    <xdr:to>
      <xdr:col>111</xdr:col>
      <xdr:colOff>177800</xdr:colOff>
      <xdr:row>107</xdr:row>
      <xdr:rowOff>69124</xdr:rowOff>
    </xdr:to>
    <xdr:cxnSp macro="">
      <xdr:nvCxnSpPr>
        <xdr:cNvPr id="851" name="直線コネクタ 850">
          <a:extLst>
            <a:ext uri="{FF2B5EF4-FFF2-40B4-BE49-F238E27FC236}">
              <a16:creationId xmlns:a16="http://schemas.microsoft.com/office/drawing/2014/main" id="{E3676014-8CA4-45F6-A8B7-E8DEC3061D98}"/>
            </a:ext>
          </a:extLst>
        </xdr:cNvPr>
        <xdr:cNvCxnSpPr/>
      </xdr:nvCxnSpPr>
      <xdr:spPr>
        <a:xfrm flipV="1">
          <a:off x="20434300" y="18409920"/>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23768</xdr:rowOff>
    </xdr:from>
    <xdr:to>
      <xdr:col>102</xdr:col>
      <xdr:colOff>165100</xdr:colOff>
      <xdr:row>107</xdr:row>
      <xdr:rowOff>125368</xdr:rowOff>
    </xdr:to>
    <xdr:sp macro="" textlink="">
      <xdr:nvSpPr>
        <xdr:cNvPr id="852" name="楕円 851">
          <a:extLst>
            <a:ext uri="{FF2B5EF4-FFF2-40B4-BE49-F238E27FC236}">
              <a16:creationId xmlns:a16="http://schemas.microsoft.com/office/drawing/2014/main" id="{447D99B9-5580-43BD-AA6C-09E13F7AD8F1}"/>
            </a:ext>
          </a:extLst>
        </xdr:cNvPr>
        <xdr:cNvSpPr/>
      </xdr:nvSpPr>
      <xdr:spPr>
        <a:xfrm>
          <a:off x="19494500" y="18368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69124</xdr:rowOff>
    </xdr:from>
    <xdr:to>
      <xdr:col>107</xdr:col>
      <xdr:colOff>50800</xdr:colOff>
      <xdr:row>107</xdr:row>
      <xdr:rowOff>74568</xdr:rowOff>
    </xdr:to>
    <xdr:cxnSp macro="">
      <xdr:nvCxnSpPr>
        <xdr:cNvPr id="853" name="直線コネクタ 852">
          <a:extLst>
            <a:ext uri="{FF2B5EF4-FFF2-40B4-BE49-F238E27FC236}">
              <a16:creationId xmlns:a16="http://schemas.microsoft.com/office/drawing/2014/main" id="{39AB6AE4-1628-46E2-B19D-07EBC9539A4D}"/>
            </a:ext>
          </a:extLst>
        </xdr:cNvPr>
        <xdr:cNvCxnSpPr/>
      </xdr:nvCxnSpPr>
      <xdr:spPr>
        <a:xfrm flipV="1">
          <a:off x="19545300" y="18414274"/>
          <a:ext cx="889000" cy="5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28121</xdr:rowOff>
    </xdr:from>
    <xdr:to>
      <xdr:col>98</xdr:col>
      <xdr:colOff>38100</xdr:colOff>
      <xdr:row>107</xdr:row>
      <xdr:rowOff>129721</xdr:rowOff>
    </xdr:to>
    <xdr:sp macro="" textlink="">
      <xdr:nvSpPr>
        <xdr:cNvPr id="854" name="楕円 853">
          <a:extLst>
            <a:ext uri="{FF2B5EF4-FFF2-40B4-BE49-F238E27FC236}">
              <a16:creationId xmlns:a16="http://schemas.microsoft.com/office/drawing/2014/main" id="{DC2DB675-FDD9-473A-9EED-18A068D73B0E}"/>
            </a:ext>
          </a:extLst>
        </xdr:cNvPr>
        <xdr:cNvSpPr/>
      </xdr:nvSpPr>
      <xdr:spPr>
        <a:xfrm>
          <a:off x="18605500" y="18373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74568</xdr:rowOff>
    </xdr:from>
    <xdr:to>
      <xdr:col>102</xdr:col>
      <xdr:colOff>114300</xdr:colOff>
      <xdr:row>107</xdr:row>
      <xdr:rowOff>78921</xdr:rowOff>
    </xdr:to>
    <xdr:cxnSp macro="">
      <xdr:nvCxnSpPr>
        <xdr:cNvPr id="855" name="直線コネクタ 854">
          <a:extLst>
            <a:ext uri="{FF2B5EF4-FFF2-40B4-BE49-F238E27FC236}">
              <a16:creationId xmlns:a16="http://schemas.microsoft.com/office/drawing/2014/main" id="{6E389A71-1134-47C9-A751-3405F7CD854D}"/>
            </a:ext>
          </a:extLst>
        </xdr:cNvPr>
        <xdr:cNvCxnSpPr/>
      </xdr:nvCxnSpPr>
      <xdr:spPr>
        <a:xfrm flipV="1">
          <a:off x="18656300" y="18419718"/>
          <a:ext cx="889000" cy="4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23240</xdr:rowOff>
    </xdr:from>
    <xdr:ext cx="469744" cy="259045"/>
    <xdr:sp macro="" textlink="">
      <xdr:nvSpPr>
        <xdr:cNvPr id="856" name="n_1aveValue【公民館】&#10;一人当たり面積">
          <a:extLst>
            <a:ext uri="{FF2B5EF4-FFF2-40B4-BE49-F238E27FC236}">
              <a16:creationId xmlns:a16="http://schemas.microsoft.com/office/drawing/2014/main" id="{1EA74D6F-D7AF-4832-80F4-1CDF0826748A}"/>
            </a:ext>
          </a:extLst>
        </xdr:cNvPr>
        <xdr:cNvSpPr txBox="1"/>
      </xdr:nvSpPr>
      <xdr:spPr>
        <a:xfrm>
          <a:off x="21075727" y="18025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5620</xdr:rowOff>
    </xdr:from>
    <xdr:ext cx="469744" cy="259045"/>
    <xdr:sp macro="" textlink="">
      <xdr:nvSpPr>
        <xdr:cNvPr id="857" name="n_2aveValue【公民館】&#10;一人当たり面積">
          <a:extLst>
            <a:ext uri="{FF2B5EF4-FFF2-40B4-BE49-F238E27FC236}">
              <a16:creationId xmlns:a16="http://schemas.microsoft.com/office/drawing/2014/main" id="{DF15B67E-11C2-4593-BFD7-B32F9B27A657}"/>
            </a:ext>
          </a:extLst>
        </xdr:cNvPr>
        <xdr:cNvSpPr txBox="1"/>
      </xdr:nvSpPr>
      <xdr:spPr>
        <a:xfrm>
          <a:off x="20199427" y="18017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9975</xdr:rowOff>
    </xdr:from>
    <xdr:ext cx="469744" cy="259045"/>
    <xdr:sp macro="" textlink="">
      <xdr:nvSpPr>
        <xdr:cNvPr id="858" name="n_3aveValue【公民館】&#10;一人当たり面積">
          <a:extLst>
            <a:ext uri="{FF2B5EF4-FFF2-40B4-BE49-F238E27FC236}">
              <a16:creationId xmlns:a16="http://schemas.microsoft.com/office/drawing/2014/main" id="{AB8E8B92-0F97-43D4-861D-1282916B80A8}"/>
            </a:ext>
          </a:extLst>
        </xdr:cNvPr>
        <xdr:cNvSpPr txBox="1"/>
      </xdr:nvSpPr>
      <xdr:spPr>
        <a:xfrm>
          <a:off x="19310427" y="18022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8885</xdr:rowOff>
    </xdr:from>
    <xdr:ext cx="469744" cy="259045"/>
    <xdr:sp macro="" textlink="">
      <xdr:nvSpPr>
        <xdr:cNvPr id="859" name="n_4aveValue【公民館】&#10;一人当たり面積">
          <a:extLst>
            <a:ext uri="{FF2B5EF4-FFF2-40B4-BE49-F238E27FC236}">
              <a16:creationId xmlns:a16="http://schemas.microsoft.com/office/drawing/2014/main" id="{D9BCBC42-45BB-4873-ADED-8EAE1086E5F9}"/>
            </a:ext>
          </a:extLst>
        </xdr:cNvPr>
        <xdr:cNvSpPr txBox="1"/>
      </xdr:nvSpPr>
      <xdr:spPr>
        <a:xfrm>
          <a:off x="18421427" y="18021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06697</xdr:rowOff>
    </xdr:from>
    <xdr:ext cx="469744" cy="259045"/>
    <xdr:sp macro="" textlink="">
      <xdr:nvSpPr>
        <xdr:cNvPr id="860" name="n_1mainValue【公民館】&#10;一人当たり面積">
          <a:extLst>
            <a:ext uri="{FF2B5EF4-FFF2-40B4-BE49-F238E27FC236}">
              <a16:creationId xmlns:a16="http://schemas.microsoft.com/office/drawing/2014/main" id="{47DB6B3F-32CC-4CC0-896C-4B0344DA2D67}"/>
            </a:ext>
          </a:extLst>
        </xdr:cNvPr>
        <xdr:cNvSpPr txBox="1"/>
      </xdr:nvSpPr>
      <xdr:spPr>
        <a:xfrm>
          <a:off x="21075727" y="1845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11051</xdr:rowOff>
    </xdr:from>
    <xdr:ext cx="469744" cy="259045"/>
    <xdr:sp macro="" textlink="">
      <xdr:nvSpPr>
        <xdr:cNvPr id="861" name="n_2mainValue【公民館】&#10;一人当たり面積">
          <a:extLst>
            <a:ext uri="{FF2B5EF4-FFF2-40B4-BE49-F238E27FC236}">
              <a16:creationId xmlns:a16="http://schemas.microsoft.com/office/drawing/2014/main" id="{1AD2B7FA-CF1E-429A-9C53-54F2C399008D}"/>
            </a:ext>
          </a:extLst>
        </xdr:cNvPr>
        <xdr:cNvSpPr txBox="1"/>
      </xdr:nvSpPr>
      <xdr:spPr>
        <a:xfrm>
          <a:off x="20199427" y="18456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16495</xdr:rowOff>
    </xdr:from>
    <xdr:ext cx="469744" cy="259045"/>
    <xdr:sp macro="" textlink="">
      <xdr:nvSpPr>
        <xdr:cNvPr id="862" name="n_3mainValue【公民館】&#10;一人当たり面積">
          <a:extLst>
            <a:ext uri="{FF2B5EF4-FFF2-40B4-BE49-F238E27FC236}">
              <a16:creationId xmlns:a16="http://schemas.microsoft.com/office/drawing/2014/main" id="{F1506F8B-40B5-4260-B356-F765971C02FE}"/>
            </a:ext>
          </a:extLst>
        </xdr:cNvPr>
        <xdr:cNvSpPr txBox="1"/>
      </xdr:nvSpPr>
      <xdr:spPr>
        <a:xfrm>
          <a:off x="19310427" y="18461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20848</xdr:rowOff>
    </xdr:from>
    <xdr:ext cx="469744" cy="259045"/>
    <xdr:sp macro="" textlink="">
      <xdr:nvSpPr>
        <xdr:cNvPr id="863" name="n_4mainValue【公民館】&#10;一人当たり面積">
          <a:extLst>
            <a:ext uri="{FF2B5EF4-FFF2-40B4-BE49-F238E27FC236}">
              <a16:creationId xmlns:a16="http://schemas.microsoft.com/office/drawing/2014/main" id="{5E6BD40E-30A7-49C0-92CB-DF94738B9523}"/>
            </a:ext>
          </a:extLst>
        </xdr:cNvPr>
        <xdr:cNvSpPr txBox="1"/>
      </xdr:nvSpPr>
      <xdr:spPr>
        <a:xfrm>
          <a:off x="18421427" y="18465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4" name="正方形/長方形 863">
          <a:extLst>
            <a:ext uri="{FF2B5EF4-FFF2-40B4-BE49-F238E27FC236}">
              <a16:creationId xmlns:a16="http://schemas.microsoft.com/office/drawing/2014/main" id="{FD24958F-C8F7-49F9-A9BA-783264AF9FC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5" name="正方形/長方形 864">
          <a:extLst>
            <a:ext uri="{FF2B5EF4-FFF2-40B4-BE49-F238E27FC236}">
              <a16:creationId xmlns:a16="http://schemas.microsoft.com/office/drawing/2014/main" id="{F298BCCF-7A41-48E3-BEAF-51451F85B50E}"/>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6" name="テキスト ボックス 865">
          <a:extLst>
            <a:ext uri="{FF2B5EF4-FFF2-40B4-BE49-F238E27FC236}">
              <a16:creationId xmlns:a16="http://schemas.microsoft.com/office/drawing/2014/main" id="{2E2D9F18-85BA-400E-AF3C-C7A1D094A11D}"/>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道路については有形固定資産減価償却率が類似団体平均とほぼ同一である。近年は維持補修が主体であり、新設工事はなく、全体として老朽化が進んで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橋りょうについては、町内に河川が無く、新設工事は無い。維持補修においては橋りょうの長寿命化計画に基づく</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に</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度の点検をもとに維持補修工事を進めている。有形固定資産減価償却率は高い水準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学校施設（小中各１校）と幼稚園（１園）、公民館（１館）については老朽化が進んでおり、ともに有形固定資産減価償却率が高い水準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公営住宅については、主たる公営住宅が平成</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年に供用開始されたことにより、有形固定資産減価償却率が低くなっている。その他の公営住宅については老朽化により取り壊しに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道路、橋りょう・トンネルについては、長寿命化計画等に基づき適切に管理を推進し、同様に各施設についても個別施設計画に基づき適切な管理に取り組む。</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369F42FC-2E69-4718-92B6-DA6EF9A3F573}"/>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34AECF5-9BAF-4025-9B10-0F86467920C5}"/>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8C7B42B3-575F-4772-A02B-B11FB42DAD53}"/>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4D921A45-8701-4B12-B7FB-FCDC37B2184D}"/>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3C53C8A-6327-4B17-8468-344C29D5F17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23236705-6BCC-4529-AAA2-47597030C7DA}"/>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1539EEE8-1958-4102-8095-344C75F3467E}"/>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111F6D5F-D95C-4659-8AE9-1DBA4EE8F11E}"/>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47618604-F5E5-45AC-8E45-A71D094A1B82}"/>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61859310-D62B-4BA1-B515-6668A95565A2}"/>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84
6,916
7.05
4,416,745
4,073,683
339,840
2,501,157
3,464,2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9E08C22B-1DDA-49D0-922A-5668106CFABC}"/>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458D5A8-4614-4C94-A2FF-277273C7A8F3}"/>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5C7369D2-8E68-4414-9D84-165AE00C771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10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53057EF1-1BB1-42BF-BFE6-774868E3585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B235275E-D9F7-4AC2-93D3-AEB5D72C5CDD}"/>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1F589D49-512A-4592-A063-96C3FD9625BA}"/>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F18818F6-AF84-44E6-AA3D-F9EB7D265FF1}"/>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2EC578C-F783-421A-A6C7-9A8B22EB40A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4A249A2D-EAB1-497B-93B6-047DC469161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EF5993BD-629E-4D86-8ECE-20589B08E39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873AB3F7-5B4E-45FB-B47E-E74019ED91E9}"/>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4559BD8-F498-46F3-AEA1-0DB7BE8D6837}"/>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B1986886-0396-4509-A5E0-7ED8DE3DA47C}"/>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63A5F9D2-F673-4B1D-B1C9-C16F7863FC4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AC652BDF-15B2-409E-B30C-222F023B7F21}"/>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85C9258F-84DA-454A-8119-192B52D4B1E5}"/>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AA8DDB3C-FC80-407B-B941-02F386137826}"/>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1DB1EE58-5C70-4E01-9FB9-DDC9E994C542}"/>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1840E339-FE27-4DBA-B14C-32B2B11E2AD7}"/>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92804DCA-36F5-41FE-BBF6-99774EFB80EF}"/>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391E1170-ED06-4A6A-B96E-88EAFAAE2F9F}"/>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84DBB1DD-435B-473A-9618-1A0597DB84AE}"/>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CB5014CF-463D-4DCE-B180-71158BBFF84B}"/>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F6A28A10-7878-42D6-AB60-80DCFF5C9B8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332121C5-C19C-4F7E-9B85-15F6B85BBFC4}"/>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4F2818A2-E564-4B37-9E8B-F9DE6A0BEC68}"/>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4697309D-C580-44CD-AA90-4807DBDBE253}"/>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129C0949-695A-411C-B320-281DD46FF53E}"/>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EB11DA2-197B-4AA9-A53D-A6575A7AE460}"/>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17D066B1-FEA6-4407-B887-6560F2235896}"/>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53907260-8EE2-4CDB-BA1F-B0D42BAAAAF5}"/>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53A61CFE-2828-4F40-82BE-11CF8B4AE205}"/>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20D550CD-E82C-4EDD-A884-D405AE2DA33E}"/>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298A06E8-359C-42DA-8E0C-2F9ACC25C5B7}"/>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278DE210-D900-47A2-BE3B-1AA4B187CCC0}"/>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921C8E38-2367-4C40-AC37-094A7190D87C}"/>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633926F0-01C0-48CD-88F8-43AA1DAF72F5}"/>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1DC890BE-1006-49E1-A915-2C8D6FA4BB7B}"/>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0C999164-8663-4AFD-89ED-88C8D54EC2AA}"/>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B2A13915-551D-4F2F-A2FE-67D9A5139F00}"/>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ACE54732-6853-4567-91CF-060335DF8BFA}"/>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371D32CF-FA03-4732-B096-71AA5AD82C5A}"/>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EA3A5536-1C98-4381-8F36-B1FEF06B8812}"/>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AD72D1BF-EB4F-4C7E-8497-B52DE7435AC8}"/>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E90EF0EC-6DEB-4F1E-99DA-32F0A40BC7BE}"/>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05C6D275-A265-40AF-92BD-B27C7CE35454}"/>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00693</xdr:rowOff>
    </xdr:from>
    <xdr:to>
      <xdr:col>24</xdr:col>
      <xdr:colOff>62865</xdr:colOff>
      <xdr:row>42</xdr:row>
      <xdr:rowOff>23949</xdr:rowOff>
    </xdr:to>
    <xdr:cxnSp macro="">
      <xdr:nvCxnSpPr>
        <xdr:cNvPr id="58" name="直線コネクタ 57">
          <a:extLst>
            <a:ext uri="{FF2B5EF4-FFF2-40B4-BE49-F238E27FC236}">
              <a16:creationId xmlns:a16="http://schemas.microsoft.com/office/drawing/2014/main" id="{55945724-C26C-483A-9F23-99579B5F3B3D}"/>
            </a:ext>
          </a:extLst>
        </xdr:cNvPr>
        <xdr:cNvCxnSpPr/>
      </xdr:nvCxnSpPr>
      <xdr:spPr>
        <a:xfrm flipV="1">
          <a:off x="4634865" y="5758543"/>
          <a:ext cx="0" cy="14663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7776</xdr:rowOff>
    </xdr:from>
    <xdr:ext cx="405111" cy="259045"/>
    <xdr:sp macro="" textlink="">
      <xdr:nvSpPr>
        <xdr:cNvPr id="59" name="【図書館】&#10;有形固定資産減価償却率最小値テキスト">
          <a:extLst>
            <a:ext uri="{FF2B5EF4-FFF2-40B4-BE49-F238E27FC236}">
              <a16:creationId xmlns:a16="http://schemas.microsoft.com/office/drawing/2014/main" id="{7EE2B46D-F92A-49A3-8768-63373C5CB0F7}"/>
            </a:ext>
          </a:extLst>
        </xdr:cNvPr>
        <xdr:cNvSpPr txBox="1"/>
      </xdr:nvSpPr>
      <xdr:spPr>
        <a:xfrm>
          <a:off x="4673600" y="7228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3949</xdr:rowOff>
    </xdr:from>
    <xdr:to>
      <xdr:col>24</xdr:col>
      <xdr:colOff>152400</xdr:colOff>
      <xdr:row>42</xdr:row>
      <xdr:rowOff>23949</xdr:rowOff>
    </xdr:to>
    <xdr:cxnSp macro="">
      <xdr:nvCxnSpPr>
        <xdr:cNvPr id="60" name="直線コネクタ 59">
          <a:extLst>
            <a:ext uri="{FF2B5EF4-FFF2-40B4-BE49-F238E27FC236}">
              <a16:creationId xmlns:a16="http://schemas.microsoft.com/office/drawing/2014/main" id="{259DE963-3F60-4FCF-A8CE-E23439A41B8E}"/>
            </a:ext>
          </a:extLst>
        </xdr:cNvPr>
        <xdr:cNvCxnSpPr/>
      </xdr:nvCxnSpPr>
      <xdr:spPr>
        <a:xfrm>
          <a:off x="4546600" y="7224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7370</xdr:rowOff>
    </xdr:from>
    <xdr:ext cx="340478" cy="259045"/>
    <xdr:sp macro="" textlink="">
      <xdr:nvSpPr>
        <xdr:cNvPr id="61" name="【図書館】&#10;有形固定資産減価償却率最大値テキスト">
          <a:extLst>
            <a:ext uri="{FF2B5EF4-FFF2-40B4-BE49-F238E27FC236}">
              <a16:creationId xmlns:a16="http://schemas.microsoft.com/office/drawing/2014/main" id="{DA684378-C998-4836-ACF0-54909EB23189}"/>
            </a:ext>
          </a:extLst>
        </xdr:cNvPr>
        <xdr:cNvSpPr txBox="1"/>
      </xdr:nvSpPr>
      <xdr:spPr>
        <a:xfrm>
          <a:off x="4673600" y="55337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00693</xdr:rowOff>
    </xdr:from>
    <xdr:to>
      <xdr:col>24</xdr:col>
      <xdr:colOff>152400</xdr:colOff>
      <xdr:row>33</xdr:row>
      <xdr:rowOff>100693</xdr:rowOff>
    </xdr:to>
    <xdr:cxnSp macro="">
      <xdr:nvCxnSpPr>
        <xdr:cNvPr id="62" name="直線コネクタ 61">
          <a:extLst>
            <a:ext uri="{FF2B5EF4-FFF2-40B4-BE49-F238E27FC236}">
              <a16:creationId xmlns:a16="http://schemas.microsoft.com/office/drawing/2014/main" id="{F4B3629B-FD9C-4C20-BD84-1A21293E0D55}"/>
            </a:ext>
          </a:extLst>
        </xdr:cNvPr>
        <xdr:cNvCxnSpPr/>
      </xdr:nvCxnSpPr>
      <xdr:spPr>
        <a:xfrm>
          <a:off x="4546600" y="575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77305</xdr:rowOff>
    </xdr:from>
    <xdr:ext cx="405111" cy="259045"/>
    <xdr:sp macro="" textlink="">
      <xdr:nvSpPr>
        <xdr:cNvPr id="63" name="【図書館】&#10;有形固定資産減価償却率平均値テキスト">
          <a:extLst>
            <a:ext uri="{FF2B5EF4-FFF2-40B4-BE49-F238E27FC236}">
              <a16:creationId xmlns:a16="http://schemas.microsoft.com/office/drawing/2014/main" id="{A5AE7717-3E1F-49F5-AB75-5832E46D433F}"/>
            </a:ext>
          </a:extLst>
        </xdr:cNvPr>
        <xdr:cNvSpPr txBox="1"/>
      </xdr:nvSpPr>
      <xdr:spPr>
        <a:xfrm>
          <a:off x="4673600" y="624950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98878</xdr:rowOff>
    </xdr:from>
    <xdr:to>
      <xdr:col>24</xdr:col>
      <xdr:colOff>114300</xdr:colOff>
      <xdr:row>37</xdr:row>
      <xdr:rowOff>29028</xdr:rowOff>
    </xdr:to>
    <xdr:sp macro="" textlink="">
      <xdr:nvSpPr>
        <xdr:cNvPr id="64" name="フローチャート: 判断 63">
          <a:extLst>
            <a:ext uri="{FF2B5EF4-FFF2-40B4-BE49-F238E27FC236}">
              <a16:creationId xmlns:a16="http://schemas.microsoft.com/office/drawing/2014/main" id="{3DC6AF11-8D42-4D50-B20C-2CEDC44D3495}"/>
            </a:ext>
          </a:extLst>
        </xdr:cNvPr>
        <xdr:cNvSpPr/>
      </xdr:nvSpPr>
      <xdr:spPr>
        <a:xfrm>
          <a:off x="4584700" y="6271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29903</xdr:rowOff>
    </xdr:from>
    <xdr:to>
      <xdr:col>20</xdr:col>
      <xdr:colOff>38100</xdr:colOff>
      <xdr:row>37</xdr:row>
      <xdr:rowOff>60053</xdr:rowOff>
    </xdr:to>
    <xdr:sp macro="" textlink="">
      <xdr:nvSpPr>
        <xdr:cNvPr id="65" name="フローチャート: 判断 64">
          <a:extLst>
            <a:ext uri="{FF2B5EF4-FFF2-40B4-BE49-F238E27FC236}">
              <a16:creationId xmlns:a16="http://schemas.microsoft.com/office/drawing/2014/main" id="{F378C676-F968-4EE4-83E4-D8B679F68068}"/>
            </a:ext>
          </a:extLst>
        </xdr:cNvPr>
        <xdr:cNvSpPr/>
      </xdr:nvSpPr>
      <xdr:spPr>
        <a:xfrm>
          <a:off x="3746500" y="6302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95613</xdr:rowOff>
    </xdr:from>
    <xdr:to>
      <xdr:col>15</xdr:col>
      <xdr:colOff>101600</xdr:colOff>
      <xdr:row>37</xdr:row>
      <xdr:rowOff>25763</xdr:rowOff>
    </xdr:to>
    <xdr:sp macro="" textlink="">
      <xdr:nvSpPr>
        <xdr:cNvPr id="66" name="フローチャート: 判断 65">
          <a:extLst>
            <a:ext uri="{FF2B5EF4-FFF2-40B4-BE49-F238E27FC236}">
              <a16:creationId xmlns:a16="http://schemas.microsoft.com/office/drawing/2014/main" id="{4F5C75A2-00C2-4D3B-B57D-CD8901D9DC1C}"/>
            </a:ext>
          </a:extLst>
        </xdr:cNvPr>
        <xdr:cNvSpPr/>
      </xdr:nvSpPr>
      <xdr:spPr>
        <a:xfrm>
          <a:off x="2857500" y="626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84183</xdr:rowOff>
    </xdr:from>
    <xdr:to>
      <xdr:col>10</xdr:col>
      <xdr:colOff>165100</xdr:colOff>
      <xdr:row>37</xdr:row>
      <xdr:rowOff>14333</xdr:rowOff>
    </xdr:to>
    <xdr:sp macro="" textlink="">
      <xdr:nvSpPr>
        <xdr:cNvPr id="67" name="フローチャート: 判断 66">
          <a:extLst>
            <a:ext uri="{FF2B5EF4-FFF2-40B4-BE49-F238E27FC236}">
              <a16:creationId xmlns:a16="http://schemas.microsoft.com/office/drawing/2014/main" id="{1C15F435-86F3-4931-801A-6A5EDA507621}"/>
            </a:ext>
          </a:extLst>
        </xdr:cNvPr>
        <xdr:cNvSpPr/>
      </xdr:nvSpPr>
      <xdr:spPr>
        <a:xfrm>
          <a:off x="1968500" y="6256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41728</xdr:rowOff>
    </xdr:from>
    <xdr:to>
      <xdr:col>6</xdr:col>
      <xdr:colOff>38100</xdr:colOff>
      <xdr:row>36</xdr:row>
      <xdr:rowOff>143328</xdr:rowOff>
    </xdr:to>
    <xdr:sp macro="" textlink="">
      <xdr:nvSpPr>
        <xdr:cNvPr id="68" name="フローチャート: 判断 67">
          <a:extLst>
            <a:ext uri="{FF2B5EF4-FFF2-40B4-BE49-F238E27FC236}">
              <a16:creationId xmlns:a16="http://schemas.microsoft.com/office/drawing/2014/main" id="{F294C0B1-2718-4B46-9AAD-FE97B5F73B18}"/>
            </a:ext>
          </a:extLst>
        </xdr:cNvPr>
        <xdr:cNvSpPr/>
      </xdr:nvSpPr>
      <xdr:spPr>
        <a:xfrm>
          <a:off x="1079500" y="6213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305D4B7F-5D3F-4068-8D86-7E9399383C6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1FC7E347-52B8-4836-9BC4-F5930AF2770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3907D9B7-9A38-48E8-AD33-4D1B67C90E93}"/>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AD604B10-9A3B-4256-89A7-32B4F5CA05CF}"/>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ED447E14-ECE2-4C1E-933A-7C14EB46F80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48260</xdr:rowOff>
    </xdr:from>
    <xdr:to>
      <xdr:col>24</xdr:col>
      <xdr:colOff>114300</xdr:colOff>
      <xdr:row>36</xdr:row>
      <xdr:rowOff>149860</xdr:rowOff>
    </xdr:to>
    <xdr:sp macro="" textlink="">
      <xdr:nvSpPr>
        <xdr:cNvPr id="74" name="楕円 73">
          <a:extLst>
            <a:ext uri="{FF2B5EF4-FFF2-40B4-BE49-F238E27FC236}">
              <a16:creationId xmlns:a16="http://schemas.microsoft.com/office/drawing/2014/main" id="{1E41D706-AE39-4F3B-81C7-568CCBB90F35}"/>
            </a:ext>
          </a:extLst>
        </xdr:cNvPr>
        <xdr:cNvSpPr/>
      </xdr:nvSpPr>
      <xdr:spPr>
        <a:xfrm>
          <a:off x="4584700" y="6220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71137</xdr:rowOff>
    </xdr:from>
    <xdr:ext cx="405111" cy="259045"/>
    <xdr:sp macro="" textlink="">
      <xdr:nvSpPr>
        <xdr:cNvPr id="75" name="【図書館】&#10;有形固定資産減価償却率該当値テキスト">
          <a:extLst>
            <a:ext uri="{FF2B5EF4-FFF2-40B4-BE49-F238E27FC236}">
              <a16:creationId xmlns:a16="http://schemas.microsoft.com/office/drawing/2014/main" id="{CB061B7E-A843-41F0-8073-8AAFABE9A458}"/>
            </a:ext>
          </a:extLst>
        </xdr:cNvPr>
        <xdr:cNvSpPr txBox="1"/>
      </xdr:nvSpPr>
      <xdr:spPr>
        <a:xfrm>
          <a:off x="4673600" y="6071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337</xdr:rowOff>
    </xdr:from>
    <xdr:to>
      <xdr:col>20</xdr:col>
      <xdr:colOff>38100</xdr:colOff>
      <xdr:row>36</xdr:row>
      <xdr:rowOff>113937</xdr:rowOff>
    </xdr:to>
    <xdr:sp macro="" textlink="">
      <xdr:nvSpPr>
        <xdr:cNvPr id="76" name="楕円 75">
          <a:extLst>
            <a:ext uri="{FF2B5EF4-FFF2-40B4-BE49-F238E27FC236}">
              <a16:creationId xmlns:a16="http://schemas.microsoft.com/office/drawing/2014/main" id="{965D263D-A6A2-4BC9-BAE5-FC2CCE1414D0}"/>
            </a:ext>
          </a:extLst>
        </xdr:cNvPr>
        <xdr:cNvSpPr/>
      </xdr:nvSpPr>
      <xdr:spPr>
        <a:xfrm>
          <a:off x="3746500" y="6184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63137</xdr:rowOff>
    </xdr:from>
    <xdr:to>
      <xdr:col>24</xdr:col>
      <xdr:colOff>63500</xdr:colOff>
      <xdr:row>36</xdr:row>
      <xdr:rowOff>99060</xdr:rowOff>
    </xdr:to>
    <xdr:cxnSp macro="">
      <xdr:nvCxnSpPr>
        <xdr:cNvPr id="77" name="直線コネクタ 76">
          <a:extLst>
            <a:ext uri="{FF2B5EF4-FFF2-40B4-BE49-F238E27FC236}">
              <a16:creationId xmlns:a16="http://schemas.microsoft.com/office/drawing/2014/main" id="{842DADFA-48E7-474D-9891-B1372E18B639}"/>
            </a:ext>
          </a:extLst>
        </xdr:cNvPr>
        <xdr:cNvCxnSpPr/>
      </xdr:nvCxnSpPr>
      <xdr:spPr>
        <a:xfrm>
          <a:off x="3797300" y="6235337"/>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7864</xdr:rowOff>
    </xdr:from>
    <xdr:to>
      <xdr:col>15</xdr:col>
      <xdr:colOff>101600</xdr:colOff>
      <xdr:row>36</xdr:row>
      <xdr:rowOff>78014</xdr:rowOff>
    </xdr:to>
    <xdr:sp macro="" textlink="">
      <xdr:nvSpPr>
        <xdr:cNvPr id="78" name="楕円 77">
          <a:extLst>
            <a:ext uri="{FF2B5EF4-FFF2-40B4-BE49-F238E27FC236}">
              <a16:creationId xmlns:a16="http://schemas.microsoft.com/office/drawing/2014/main" id="{A6A129C6-6CAC-45FE-AD83-B154E8ACAAF5}"/>
            </a:ext>
          </a:extLst>
        </xdr:cNvPr>
        <xdr:cNvSpPr/>
      </xdr:nvSpPr>
      <xdr:spPr>
        <a:xfrm>
          <a:off x="2857500" y="614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27214</xdr:rowOff>
    </xdr:from>
    <xdr:to>
      <xdr:col>19</xdr:col>
      <xdr:colOff>177800</xdr:colOff>
      <xdr:row>36</xdr:row>
      <xdr:rowOff>63137</xdr:rowOff>
    </xdr:to>
    <xdr:cxnSp macro="">
      <xdr:nvCxnSpPr>
        <xdr:cNvPr id="79" name="直線コネクタ 78">
          <a:extLst>
            <a:ext uri="{FF2B5EF4-FFF2-40B4-BE49-F238E27FC236}">
              <a16:creationId xmlns:a16="http://schemas.microsoft.com/office/drawing/2014/main" id="{638CE62B-B4B8-437F-8A90-7877306878BD}"/>
            </a:ext>
          </a:extLst>
        </xdr:cNvPr>
        <xdr:cNvCxnSpPr/>
      </xdr:nvCxnSpPr>
      <xdr:spPr>
        <a:xfrm>
          <a:off x="2908300" y="6199414"/>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11942</xdr:rowOff>
    </xdr:from>
    <xdr:to>
      <xdr:col>10</xdr:col>
      <xdr:colOff>165100</xdr:colOff>
      <xdr:row>36</xdr:row>
      <xdr:rowOff>42092</xdr:rowOff>
    </xdr:to>
    <xdr:sp macro="" textlink="">
      <xdr:nvSpPr>
        <xdr:cNvPr id="80" name="楕円 79">
          <a:extLst>
            <a:ext uri="{FF2B5EF4-FFF2-40B4-BE49-F238E27FC236}">
              <a16:creationId xmlns:a16="http://schemas.microsoft.com/office/drawing/2014/main" id="{AF3E27DF-BE43-4B2E-9B91-23DD705B63CE}"/>
            </a:ext>
          </a:extLst>
        </xdr:cNvPr>
        <xdr:cNvSpPr/>
      </xdr:nvSpPr>
      <xdr:spPr>
        <a:xfrm>
          <a:off x="1968500" y="6112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62742</xdr:rowOff>
    </xdr:from>
    <xdr:to>
      <xdr:col>15</xdr:col>
      <xdr:colOff>50800</xdr:colOff>
      <xdr:row>36</xdr:row>
      <xdr:rowOff>27214</xdr:rowOff>
    </xdr:to>
    <xdr:cxnSp macro="">
      <xdr:nvCxnSpPr>
        <xdr:cNvPr id="81" name="直線コネクタ 80">
          <a:extLst>
            <a:ext uri="{FF2B5EF4-FFF2-40B4-BE49-F238E27FC236}">
              <a16:creationId xmlns:a16="http://schemas.microsoft.com/office/drawing/2014/main" id="{77B8975E-E186-4360-A9AC-EB1B576C4284}"/>
            </a:ext>
          </a:extLst>
        </xdr:cNvPr>
        <xdr:cNvCxnSpPr/>
      </xdr:nvCxnSpPr>
      <xdr:spPr>
        <a:xfrm>
          <a:off x="2019300" y="6163492"/>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93980</xdr:rowOff>
    </xdr:from>
    <xdr:to>
      <xdr:col>6</xdr:col>
      <xdr:colOff>38100</xdr:colOff>
      <xdr:row>36</xdr:row>
      <xdr:rowOff>24130</xdr:rowOff>
    </xdr:to>
    <xdr:sp macro="" textlink="">
      <xdr:nvSpPr>
        <xdr:cNvPr id="82" name="楕円 81">
          <a:extLst>
            <a:ext uri="{FF2B5EF4-FFF2-40B4-BE49-F238E27FC236}">
              <a16:creationId xmlns:a16="http://schemas.microsoft.com/office/drawing/2014/main" id="{4AE0571B-BF1E-4452-8A39-10ED8544908D}"/>
            </a:ext>
          </a:extLst>
        </xdr:cNvPr>
        <xdr:cNvSpPr/>
      </xdr:nvSpPr>
      <xdr:spPr>
        <a:xfrm>
          <a:off x="1079500" y="6094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44780</xdr:rowOff>
    </xdr:from>
    <xdr:to>
      <xdr:col>10</xdr:col>
      <xdr:colOff>114300</xdr:colOff>
      <xdr:row>35</xdr:row>
      <xdr:rowOff>162742</xdr:rowOff>
    </xdr:to>
    <xdr:cxnSp macro="">
      <xdr:nvCxnSpPr>
        <xdr:cNvPr id="83" name="直線コネクタ 82">
          <a:extLst>
            <a:ext uri="{FF2B5EF4-FFF2-40B4-BE49-F238E27FC236}">
              <a16:creationId xmlns:a16="http://schemas.microsoft.com/office/drawing/2014/main" id="{F10234EF-59F5-409B-9682-DC83D10F8631}"/>
            </a:ext>
          </a:extLst>
        </xdr:cNvPr>
        <xdr:cNvCxnSpPr/>
      </xdr:nvCxnSpPr>
      <xdr:spPr>
        <a:xfrm>
          <a:off x="1130300" y="6145530"/>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51180</xdr:rowOff>
    </xdr:from>
    <xdr:ext cx="405111" cy="259045"/>
    <xdr:sp macro="" textlink="">
      <xdr:nvSpPr>
        <xdr:cNvPr id="84" name="n_1aveValue【図書館】&#10;有形固定資産減価償却率">
          <a:extLst>
            <a:ext uri="{FF2B5EF4-FFF2-40B4-BE49-F238E27FC236}">
              <a16:creationId xmlns:a16="http://schemas.microsoft.com/office/drawing/2014/main" id="{27234FF0-E72B-405F-8AD5-25E75F8FDE89}"/>
            </a:ext>
          </a:extLst>
        </xdr:cNvPr>
        <xdr:cNvSpPr txBox="1"/>
      </xdr:nvSpPr>
      <xdr:spPr>
        <a:xfrm>
          <a:off x="3582044" y="63948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6890</xdr:rowOff>
    </xdr:from>
    <xdr:ext cx="405111" cy="259045"/>
    <xdr:sp macro="" textlink="">
      <xdr:nvSpPr>
        <xdr:cNvPr id="85" name="n_2aveValue【図書館】&#10;有形固定資産減価償却率">
          <a:extLst>
            <a:ext uri="{FF2B5EF4-FFF2-40B4-BE49-F238E27FC236}">
              <a16:creationId xmlns:a16="http://schemas.microsoft.com/office/drawing/2014/main" id="{D0FA58AE-3AD3-4143-A4E1-8615D22D9273}"/>
            </a:ext>
          </a:extLst>
        </xdr:cNvPr>
        <xdr:cNvSpPr txBox="1"/>
      </xdr:nvSpPr>
      <xdr:spPr>
        <a:xfrm>
          <a:off x="2705744" y="6360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5460</xdr:rowOff>
    </xdr:from>
    <xdr:ext cx="405111" cy="259045"/>
    <xdr:sp macro="" textlink="">
      <xdr:nvSpPr>
        <xdr:cNvPr id="86" name="n_3aveValue【図書館】&#10;有形固定資産減価償却率">
          <a:extLst>
            <a:ext uri="{FF2B5EF4-FFF2-40B4-BE49-F238E27FC236}">
              <a16:creationId xmlns:a16="http://schemas.microsoft.com/office/drawing/2014/main" id="{3A6A37BB-A572-4178-8772-7EDB76FD8A7B}"/>
            </a:ext>
          </a:extLst>
        </xdr:cNvPr>
        <xdr:cNvSpPr txBox="1"/>
      </xdr:nvSpPr>
      <xdr:spPr>
        <a:xfrm>
          <a:off x="1816744" y="63491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34455</xdr:rowOff>
    </xdr:from>
    <xdr:ext cx="405111" cy="259045"/>
    <xdr:sp macro="" textlink="">
      <xdr:nvSpPr>
        <xdr:cNvPr id="87" name="n_4aveValue【図書館】&#10;有形固定資産減価償却率">
          <a:extLst>
            <a:ext uri="{FF2B5EF4-FFF2-40B4-BE49-F238E27FC236}">
              <a16:creationId xmlns:a16="http://schemas.microsoft.com/office/drawing/2014/main" id="{DA7C9697-F5A6-48B5-9CD1-4FA1F17DA963}"/>
            </a:ext>
          </a:extLst>
        </xdr:cNvPr>
        <xdr:cNvSpPr txBox="1"/>
      </xdr:nvSpPr>
      <xdr:spPr>
        <a:xfrm>
          <a:off x="927744" y="63066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30464</xdr:rowOff>
    </xdr:from>
    <xdr:ext cx="405111" cy="259045"/>
    <xdr:sp macro="" textlink="">
      <xdr:nvSpPr>
        <xdr:cNvPr id="88" name="n_1mainValue【図書館】&#10;有形固定資産減価償却率">
          <a:extLst>
            <a:ext uri="{FF2B5EF4-FFF2-40B4-BE49-F238E27FC236}">
              <a16:creationId xmlns:a16="http://schemas.microsoft.com/office/drawing/2014/main" id="{D8987495-DD84-4979-9C4F-8A76EBF4CCAB}"/>
            </a:ext>
          </a:extLst>
        </xdr:cNvPr>
        <xdr:cNvSpPr txBox="1"/>
      </xdr:nvSpPr>
      <xdr:spPr>
        <a:xfrm>
          <a:off x="3582044" y="5959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94541</xdr:rowOff>
    </xdr:from>
    <xdr:ext cx="405111" cy="259045"/>
    <xdr:sp macro="" textlink="">
      <xdr:nvSpPr>
        <xdr:cNvPr id="89" name="n_2mainValue【図書館】&#10;有形固定資産減価償却率">
          <a:extLst>
            <a:ext uri="{FF2B5EF4-FFF2-40B4-BE49-F238E27FC236}">
              <a16:creationId xmlns:a16="http://schemas.microsoft.com/office/drawing/2014/main" id="{F34F7513-21E4-4BBD-B0C2-77F1E3274591}"/>
            </a:ext>
          </a:extLst>
        </xdr:cNvPr>
        <xdr:cNvSpPr txBox="1"/>
      </xdr:nvSpPr>
      <xdr:spPr>
        <a:xfrm>
          <a:off x="2705744" y="5923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58619</xdr:rowOff>
    </xdr:from>
    <xdr:ext cx="405111" cy="259045"/>
    <xdr:sp macro="" textlink="">
      <xdr:nvSpPr>
        <xdr:cNvPr id="90" name="n_3mainValue【図書館】&#10;有形固定資産減価償却率">
          <a:extLst>
            <a:ext uri="{FF2B5EF4-FFF2-40B4-BE49-F238E27FC236}">
              <a16:creationId xmlns:a16="http://schemas.microsoft.com/office/drawing/2014/main" id="{3C03E493-2809-472C-9F5F-8019E0072A4E}"/>
            </a:ext>
          </a:extLst>
        </xdr:cNvPr>
        <xdr:cNvSpPr txBox="1"/>
      </xdr:nvSpPr>
      <xdr:spPr>
        <a:xfrm>
          <a:off x="1816744" y="5887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40657</xdr:rowOff>
    </xdr:from>
    <xdr:ext cx="405111" cy="259045"/>
    <xdr:sp macro="" textlink="">
      <xdr:nvSpPr>
        <xdr:cNvPr id="91" name="n_4mainValue【図書館】&#10;有形固定資産減価償却率">
          <a:extLst>
            <a:ext uri="{FF2B5EF4-FFF2-40B4-BE49-F238E27FC236}">
              <a16:creationId xmlns:a16="http://schemas.microsoft.com/office/drawing/2014/main" id="{65D25159-96A6-4303-BF37-3AD93DE799DB}"/>
            </a:ext>
          </a:extLst>
        </xdr:cNvPr>
        <xdr:cNvSpPr txBox="1"/>
      </xdr:nvSpPr>
      <xdr:spPr>
        <a:xfrm>
          <a:off x="927744" y="586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093D2369-527F-4ED0-926E-E22B1A2D2BCB}"/>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8621F7F6-98D9-4DF7-BAC4-EB41BFA86E36}"/>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DA7DB543-A28F-472E-86CE-A87919420354}"/>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8AF56CC2-CEBC-44A3-BA08-AA2D46532C6C}"/>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036D65E2-1B35-42AB-AC81-2FCFC0480389}"/>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3A482554-90FF-4536-8ED6-6B42A36A1A8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83667BA6-2969-4243-A379-B1C4C849C212}"/>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CFFD6D74-155E-4A3B-8D43-145C9A04FB9A}"/>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85834977-1006-496A-A8CF-D27AC12BD93B}"/>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8CD8AD30-523E-4A95-9625-272B58E693DA}"/>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2" name="直線コネクタ 101">
          <a:extLst>
            <a:ext uri="{FF2B5EF4-FFF2-40B4-BE49-F238E27FC236}">
              <a16:creationId xmlns:a16="http://schemas.microsoft.com/office/drawing/2014/main" id="{F8C4C4B2-197D-4985-AD68-4F9C4EEB4640}"/>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3" name="テキスト ボックス 102">
          <a:extLst>
            <a:ext uri="{FF2B5EF4-FFF2-40B4-BE49-F238E27FC236}">
              <a16:creationId xmlns:a16="http://schemas.microsoft.com/office/drawing/2014/main" id="{B65238A8-A706-4BF7-B93F-130A9EF9F561}"/>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4" name="直線コネクタ 103">
          <a:extLst>
            <a:ext uri="{FF2B5EF4-FFF2-40B4-BE49-F238E27FC236}">
              <a16:creationId xmlns:a16="http://schemas.microsoft.com/office/drawing/2014/main" id="{5087176B-F61A-447C-8461-8C6AEE464133}"/>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5" name="テキスト ボックス 104">
          <a:extLst>
            <a:ext uri="{FF2B5EF4-FFF2-40B4-BE49-F238E27FC236}">
              <a16:creationId xmlns:a16="http://schemas.microsoft.com/office/drawing/2014/main" id="{EA13B867-9363-43FC-BA97-20AEFE30081F}"/>
            </a:ext>
          </a:extLst>
        </xdr:cNvPr>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6" name="直線コネクタ 105">
          <a:extLst>
            <a:ext uri="{FF2B5EF4-FFF2-40B4-BE49-F238E27FC236}">
              <a16:creationId xmlns:a16="http://schemas.microsoft.com/office/drawing/2014/main" id="{9A28E07D-EC1B-4FAB-B0D5-782B3629A4D7}"/>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7" name="テキスト ボックス 106">
          <a:extLst>
            <a:ext uri="{FF2B5EF4-FFF2-40B4-BE49-F238E27FC236}">
              <a16:creationId xmlns:a16="http://schemas.microsoft.com/office/drawing/2014/main" id="{600D4A2E-CB40-4AEB-B367-68253C58E545}"/>
            </a:ext>
          </a:extLst>
        </xdr:cNvPr>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8" name="直線コネクタ 107">
          <a:extLst>
            <a:ext uri="{FF2B5EF4-FFF2-40B4-BE49-F238E27FC236}">
              <a16:creationId xmlns:a16="http://schemas.microsoft.com/office/drawing/2014/main" id="{9C13F44A-40F1-438F-B953-28A1EECFC3B5}"/>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9" name="テキスト ボックス 108">
          <a:extLst>
            <a:ext uri="{FF2B5EF4-FFF2-40B4-BE49-F238E27FC236}">
              <a16:creationId xmlns:a16="http://schemas.microsoft.com/office/drawing/2014/main" id="{21E08376-591F-467E-B58E-561600238EE6}"/>
            </a:ext>
          </a:extLst>
        </xdr:cNvPr>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10" name="直線コネクタ 109">
          <a:extLst>
            <a:ext uri="{FF2B5EF4-FFF2-40B4-BE49-F238E27FC236}">
              <a16:creationId xmlns:a16="http://schemas.microsoft.com/office/drawing/2014/main" id="{B1EE6D7E-679C-41F7-9238-49D66DC5629A}"/>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11" name="テキスト ボックス 110">
          <a:extLst>
            <a:ext uri="{FF2B5EF4-FFF2-40B4-BE49-F238E27FC236}">
              <a16:creationId xmlns:a16="http://schemas.microsoft.com/office/drawing/2014/main" id="{957CCDA7-FF5B-44A9-8DB0-D26EE16C0D3E}"/>
            </a:ext>
          </a:extLst>
        </xdr:cNvPr>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2" name="直線コネクタ 111">
          <a:extLst>
            <a:ext uri="{FF2B5EF4-FFF2-40B4-BE49-F238E27FC236}">
              <a16:creationId xmlns:a16="http://schemas.microsoft.com/office/drawing/2014/main" id="{FE60B6C9-30D8-440D-9CBB-82FA38F734DC}"/>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13" name="テキスト ボックス 112">
          <a:extLst>
            <a:ext uri="{FF2B5EF4-FFF2-40B4-BE49-F238E27FC236}">
              <a16:creationId xmlns:a16="http://schemas.microsoft.com/office/drawing/2014/main" id="{18639C3C-E769-463C-86E4-51607938DFFB}"/>
            </a:ext>
          </a:extLst>
        </xdr:cNvPr>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a:extLst>
            <a:ext uri="{FF2B5EF4-FFF2-40B4-BE49-F238E27FC236}">
              <a16:creationId xmlns:a16="http://schemas.microsoft.com/office/drawing/2014/main" id="{EE6CD479-EEF9-4D01-ABFE-DA79BA6FA209}"/>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a:extLst>
            <a:ext uri="{FF2B5EF4-FFF2-40B4-BE49-F238E27FC236}">
              <a16:creationId xmlns:a16="http://schemas.microsoft.com/office/drawing/2014/main" id="{6D8293D3-10B5-4793-A564-EF4DECDD82BA}"/>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a:extLst>
            <a:ext uri="{FF2B5EF4-FFF2-40B4-BE49-F238E27FC236}">
              <a16:creationId xmlns:a16="http://schemas.microsoft.com/office/drawing/2014/main" id="{31A2D9CC-F886-4599-949A-81DAB19DB60E}"/>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46808</xdr:rowOff>
    </xdr:from>
    <xdr:to>
      <xdr:col>54</xdr:col>
      <xdr:colOff>189865</xdr:colOff>
      <xdr:row>41</xdr:row>
      <xdr:rowOff>159476</xdr:rowOff>
    </xdr:to>
    <xdr:cxnSp macro="">
      <xdr:nvCxnSpPr>
        <xdr:cNvPr id="117" name="直線コネクタ 116">
          <a:extLst>
            <a:ext uri="{FF2B5EF4-FFF2-40B4-BE49-F238E27FC236}">
              <a16:creationId xmlns:a16="http://schemas.microsoft.com/office/drawing/2014/main" id="{7C504DC5-B144-4C10-ACE6-898FDCF0CA55}"/>
            </a:ext>
          </a:extLst>
        </xdr:cNvPr>
        <xdr:cNvCxnSpPr/>
      </xdr:nvCxnSpPr>
      <xdr:spPr>
        <a:xfrm flipV="1">
          <a:off x="10476865" y="5876108"/>
          <a:ext cx="0" cy="1312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63303</xdr:rowOff>
    </xdr:from>
    <xdr:ext cx="469744" cy="259045"/>
    <xdr:sp macro="" textlink="">
      <xdr:nvSpPr>
        <xdr:cNvPr id="118" name="【図書館】&#10;一人当たり面積最小値テキスト">
          <a:extLst>
            <a:ext uri="{FF2B5EF4-FFF2-40B4-BE49-F238E27FC236}">
              <a16:creationId xmlns:a16="http://schemas.microsoft.com/office/drawing/2014/main" id="{AEE2D8F1-8ACE-4A33-9D60-4083F5B855B7}"/>
            </a:ext>
          </a:extLst>
        </xdr:cNvPr>
        <xdr:cNvSpPr txBox="1"/>
      </xdr:nvSpPr>
      <xdr:spPr>
        <a:xfrm>
          <a:off x="10515600" y="7192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59476</xdr:rowOff>
    </xdr:from>
    <xdr:to>
      <xdr:col>55</xdr:col>
      <xdr:colOff>88900</xdr:colOff>
      <xdr:row>41</xdr:row>
      <xdr:rowOff>159476</xdr:rowOff>
    </xdr:to>
    <xdr:cxnSp macro="">
      <xdr:nvCxnSpPr>
        <xdr:cNvPr id="119" name="直線コネクタ 118">
          <a:extLst>
            <a:ext uri="{FF2B5EF4-FFF2-40B4-BE49-F238E27FC236}">
              <a16:creationId xmlns:a16="http://schemas.microsoft.com/office/drawing/2014/main" id="{9F3A7000-FA72-4554-95D1-95FECBC103B2}"/>
            </a:ext>
          </a:extLst>
        </xdr:cNvPr>
        <xdr:cNvCxnSpPr/>
      </xdr:nvCxnSpPr>
      <xdr:spPr>
        <a:xfrm>
          <a:off x="10388600" y="7188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64935</xdr:rowOff>
    </xdr:from>
    <xdr:ext cx="469744" cy="259045"/>
    <xdr:sp macro="" textlink="">
      <xdr:nvSpPr>
        <xdr:cNvPr id="120" name="【図書館】&#10;一人当たり面積最大値テキスト">
          <a:extLst>
            <a:ext uri="{FF2B5EF4-FFF2-40B4-BE49-F238E27FC236}">
              <a16:creationId xmlns:a16="http://schemas.microsoft.com/office/drawing/2014/main" id="{7659793B-B7EE-4B5B-857F-D579A824580E}"/>
            </a:ext>
          </a:extLst>
        </xdr:cNvPr>
        <xdr:cNvSpPr txBox="1"/>
      </xdr:nvSpPr>
      <xdr:spPr>
        <a:xfrm>
          <a:off x="10515600" y="5651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46808</xdr:rowOff>
    </xdr:from>
    <xdr:to>
      <xdr:col>55</xdr:col>
      <xdr:colOff>88900</xdr:colOff>
      <xdr:row>34</xdr:row>
      <xdr:rowOff>46808</xdr:rowOff>
    </xdr:to>
    <xdr:cxnSp macro="">
      <xdr:nvCxnSpPr>
        <xdr:cNvPr id="121" name="直線コネクタ 120">
          <a:extLst>
            <a:ext uri="{FF2B5EF4-FFF2-40B4-BE49-F238E27FC236}">
              <a16:creationId xmlns:a16="http://schemas.microsoft.com/office/drawing/2014/main" id="{6EB723DA-D172-4F11-AC41-59A8D015DC4B}"/>
            </a:ext>
          </a:extLst>
        </xdr:cNvPr>
        <xdr:cNvCxnSpPr/>
      </xdr:nvCxnSpPr>
      <xdr:spPr>
        <a:xfrm>
          <a:off x="10388600" y="5876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41746</xdr:rowOff>
    </xdr:from>
    <xdr:ext cx="469744" cy="259045"/>
    <xdr:sp macro="" textlink="">
      <xdr:nvSpPr>
        <xdr:cNvPr id="122" name="【図書館】&#10;一人当たり面積平均値テキスト">
          <a:extLst>
            <a:ext uri="{FF2B5EF4-FFF2-40B4-BE49-F238E27FC236}">
              <a16:creationId xmlns:a16="http://schemas.microsoft.com/office/drawing/2014/main" id="{3C0C61EB-46E2-4F89-9452-2DB283894310}"/>
            </a:ext>
          </a:extLst>
        </xdr:cNvPr>
        <xdr:cNvSpPr txBox="1"/>
      </xdr:nvSpPr>
      <xdr:spPr>
        <a:xfrm>
          <a:off x="10515600" y="67282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8869</xdr:rowOff>
    </xdr:from>
    <xdr:to>
      <xdr:col>55</xdr:col>
      <xdr:colOff>50800</xdr:colOff>
      <xdr:row>40</xdr:row>
      <xdr:rowOff>120469</xdr:rowOff>
    </xdr:to>
    <xdr:sp macro="" textlink="">
      <xdr:nvSpPr>
        <xdr:cNvPr id="123" name="フローチャート: 判断 122">
          <a:extLst>
            <a:ext uri="{FF2B5EF4-FFF2-40B4-BE49-F238E27FC236}">
              <a16:creationId xmlns:a16="http://schemas.microsoft.com/office/drawing/2014/main" id="{C92D63AA-AE55-4561-9D1E-16B859B5F54A}"/>
            </a:ext>
          </a:extLst>
        </xdr:cNvPr>
        <xdr:cNvSpPr/>
      </xdr:nvSpPr>
      <xdr:spPr>
        <a:xfrm>
          <a:off x="10426700" y="6876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58057</xdr:rowOff>
    </xdr:from>
    <xdr:to>
      <xdr:col>50</xdr:col>
      <xdr:colOff>165100</xdr:colOff>
      <xdr:row>40</xdr:row>
      <xdr:rowOff>159657</xdr:rowOff>
    </xdr:to>
    <xdr:sp macro="" textlink="">
      <xdr:nvSpPr>
        <xdr:cNvPr id="124" name="フローチャート: 判断 123">
          <a:extLst>
            <a:ext uri="{FF2B5EF4-FFF2-40B4-BE49-F238E27FC236}">
              <a16:creationId xmlns:a16="http://schemas.microsoft.com/office/drawing/2014/main" id="{9D924D06-322D-4E36-9D20-D35D7698DCD8}"/>
            </a:ext>
          </a:extLst>
        </xdr:cNvPr>
        <xdr:cNvSpPr/>
      </xdr:nvSpPr>
      <xdr:spPr>
        <a:xfrm>
          <a:off x="9588500" y="6916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5603</xdr:rowOff>
    </xdr:from>
    <xdr:to>
      <xdr:col>46</xdr:col>
      <xdr:colOff>38100</xdr:colOff>
      <xdr:row>40</xdr:row>
      <xdr:rowOff>117203</xdr:rowOff>
    </xdr:to>
    <xdr:sp macro="" textlink="">
      <xdr:nvSpPr>
        <xdr:cNvPr id="125" name="フローチャート: 判断 124">
          <a:extLst>
            <a:ext uri="{FF2B5EF4-FFF2-40B4-BE49-F238E27FC236}">
              <a16:creationId xmlns:a16="http://schemas.microsoft.com/office/drawing/2014/main" id="{02B24FCC-55E0-4550-B500-07AE429B98A6}"/>
            </a:ext>
          </a:extLst>
        </xdr:cNvPr>
        <xdr:cNvSpPr/>
      </xdr:nvSpPr>
      <xdr:spPr>
        <a:xfrm>
          <a:off x="8699500" y="6873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5603</xdr:rowOff>
    </xdr:from>
    <xdr:to>
      <xdr:col>41</xdr:col>
      <xdr:colOff>101600</xdr:colOff>
      <xdr:row>40</xdr:row>
      <xdr:rowOff>117203</xdr:rowOff>
    </xdr:to>
    <xdr:sp macro="" textlink="">
      <xdr:nvSpPr>
        <xdr:cNvPr id="126" name="フローチャート: 判断 125">
          <a:extLst>
            <a:ext uri="{FF2B5EF4-FFF2-40B4-BE49-F238E27FC236}">
              <a16:creationId xmlns:a16="http://schemas.microsoft.com/office/drawing/2014/main" id="{039DA57A-27E6-427D-B8A6-9E4EAA1F4FEF}"/>
            </a:ext>
          </a:extLst>
        </xdr:cNvPr>
        <xdr:cNvSpPr/>
      </xdr:nvSpPr>
      <xdr:spPr>
        <a:xfrm>
          <a:off x="7810500" y="6873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44994</xdr:rowOff>
    </xdr:from>
    <xdr:to>
      <xdr:col>36</xdr:col>
      <xdr:colOff>165100</xdr:colOff>
      <xdr:row>40</xdr:row>
      <xdr:rowOff>146594</xdr:rowOff>
    </xdr:to>
    <xdr:sp macro="" textlink="">
      <xdr:nvSpPr>
        <xdr:cNvPr id="127" name="フローチャート: 判断 126">
          <a:extLst>
            <a:ext uri="{FF2B5EF4-FFF2-40B4-BE49-F238E27FC236}">
              <a16:creationId xmlns:a16="http://schemas.microsoft.com/office/drawing/2014/main" id="{396FD930-34AC-49D1-B735-99FF3BABBE09}"/>
            </a:ext>
          </a:extLst>
        </xdr:cNvPr>
        <xdr:cNvSpPr/>
      </xdr:nvSpPr>
      <xdr:spPr>
        <a:xfrm>
          <a:off x="6921500" y="6902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D8D1BB81-E3C2-4355-A463-38AA95EE779A}"/>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1BAFBFAE-5B3C-457E-AD36-71A664B3C60C}"/>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D5BD7BD8-EF7C-4B55-B26C-307A88B3F569}"/>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a:extLst>
            <a:ext uri="{FF2B5EF4-FFF2-40B4-BE49-F238E27FC236}">
              <a16:creationId xmlns:a16="http://schemas.microsoft.com/office/drawing/2014/main" id="{12950A27-B569-4928-92CA-190BC8FE2107}"/>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a:extLst>
            <a:ext uri="{FF2B5EF4-FFF2-40B4-BE49-F238E27FC236}">
              <a16:creationId xmlns:a16="http://schemas.microsoft.com/office/drawing/2014/main" id="{1160D4EF-56BE-444E-9E4F-F12751D4CC43}"/>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2763</xdr:rowOff>
    </xdr:from>
    <xdr:to>
      <xdr:col>55</xdr:col>
      <xdr:colOff>50800</xdr:colOff>
      <xdr:row>41</xdr:row>
      <xdr:rowOff>82913</xdr:rowOff>
    </xdr:to>
    <xdr:sp macro="" textlink="">
      <xdr:nvSpPr>
        <xdr:cNvPr id="133" name="楕円 132">
          <a:extLst>
            <a:ext uri="{FF2B5EF4-FFF2-40B4-BE49-F238E27FC236}">
              <a16:creationId xmlns:a16="http://schemas.microsoft.com/office/drawing/2014/main" id="{8890B144-1882-4855-BAE5-62F0FFF3A4AC}"/>
            </a:ext>
          </a:extLst>
        </xdr:cNvPr>
        <xdr:cNvSpPr/>
      </xdr:nvSpPr>
      <xdr:spPr>
        <a:xfrm>
          <a:off x="10426700" y="7010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31190</xdr:rowOff>
    </xdr:from>
    <xdr:ext cx="469744" cy="259045"/>
    <xdr:sp macro="" textlink="">
      <xdr:nvSpPr>
        <xdr:cNvPr id="134" name="【図書館】&#10;一人当たり面積該当値テキスト">
          <a:extLst>
            <a:ext uri="{FF2B5EF4-FFF2-40B4-BE49-F238E27FC236}">
              <a16:creationId xmlns:a16="http://schemas.microsoft.com/office/drawing/2014/main" id="{B1AAA750-FA58-4FAB-8B59-1D97DA471228}"/>
            </a:ext>
          </a:extLst>
        </xdr:cNvPr>
        <xdr:cNvSpPr txBox="1"/>
      </xdr:nvSpPr>
      <xdr:spPr>
        <a:xfrm>
          <a:off x="10515600" y="698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6028</xdr:rowOff>
    </xdr:from>
    <xdr:to>
      <xdr:col>50</xdr:col>
      <xdr:colOff>165100</xdr:colOff>
      <xdr:row>41</xdr:row>
      <xdr:rowOff>86178</xdr:rowOff>
    </xdr:to>
    <xdr:sp macro="" textlink="">
      <xdr:nvSpPr>
        <xdr:cNvPr id="135" name="楕円 134">
          <a:extLst>
            <a:ext uri="{FF2B5EF4-FFF2-40B4-BE49-F238E27FC236}">
              <a16:creationId xmlns:a16="http://schemas.microsoft.com/office/drawing/2014/main" id="{265861E1-6C83-4B2F-AFE2-61738AA8251E}"/>
            </a:ext>
          </a:extLst>
        </xdr:cNvPr>
        <xdr:cNvSpPr/>
      </xdr:nvSpPr>
      <xdr:spPr>
        <a:xfrm>
          <a:off x="9588500" y="7014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2113</xdr:rowOff>
    </xdr:from>
    <xdr:to>
      <xdr:col>55</xdr:col>
      <xdr:colOff>0</xdr:colOff>
      <xdr:row>41</xdr:row>
      <xdr:rowOff>35378</xdr:rowOff>
    </xdr:to>
    <xdr:cxnSp macro="">
      <xdr:nvCxnSpPr>
        <xdr:cNvPr id="136" name="直線コネクタ 135">
          <a:extLst>
            <a:ext uri="{FF2B5EF4-FFF2-40B4-BE49-F238E27FC236}">
              <a16:creationId xmlns:a16="http://schemas.microsoft.com/office/drawing/2014/main" id="{E85A46EA-E3B7-4083-8D33-4384CC24A47C}"/>
            </a:ext>
          </a:extLst>
        </xdr:cNvPr>
        <xdr:cNvCxnSpPr/>
      </xdr:nvCxnSpPr>
      <xdr:spPr>
        <a:xfrm flipV="1">
          <a:off x="9639300" y="7061563"/>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9294</xdr:rowOff>
    </xdr:from>
    <xdr:to>
      <xdr:col>46</xdr:col>
      <xdr:colOff>38100</xdr:colOff>
      <xdr:row>41</xdr:row>
      <xdr:rowOff>89444</xdr:rowOff>
    </xdr:to>
    <xdr:sp macro="" textlink="">
      <xdr:nvSpPr>
        <xdr:cNvPr id="137" name="楕円 136">
          <a:extLst>
            <a:ext uri="{FF2B5EF4-FFF2-40B4-BE49-F238E27FC236}">
              <a16:creationId xmlns:a16="http://schemas.microsoft.com/office/drawing/2014/main" id="{04C02E02-7C30-4CDC-A9E3-AE6C275D37B1}"/>
            </a:ext>
          </a:extLst>
        </xdr:cNvPr>
        <xdr:cNvSpPr/>
      </xdr:nvSpPr>
      <xdr:spPr>
        <a:xfrm>
          <a:off x="8699500" y="7017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5378</xdr:rowOff>
    </xdr:from>
    <xdr:to>
      <xdr:col>50</xdr:col>
      <xdr:colOff>114300</xdr:colOff>
      <xdr:row>41</xdr:row>
      <xdr:rowOff>38644</xdr:rowOff>
    </xdr:to>
    <xdr:cxnSp macro="">
      <xdr:nvCxnSpPr>
        <xdr:cNvPr id="138" name="直線コネクタ 137">
          <a:extLst>
            <a:ext uri="{FF2B5EF4-FFF2-40B4-BE49-F238E27FC236}">
              <a16:creationId xmlns:a16="http://schemas.microsoft.com/office/drawing/2014/main" id="{0F8CA5F0-7AF6-4C7F-83C5-5569848ED59A}"/>
            </a:ext>
          </a:extLst>
        </xdr:cNvPr>
        <xdr:cNvCxnSpPr/>
      </xdr:nvCxnSpPr>
      <xdr:spPr>
        <a:xfrm flipV="1">
          <a:off x="8750300" y="7064828"/>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65826</xdr:rowOff>
    </xdr:from>
    <xdr:to>
      <xdr:col>41</xdr:col>
      <xdr:colOff>101600</xdr:colOff>
      <xdr:row>41</xdr:row>
      <xdr:rowOff>95976</xdr:rowOff>
    </xdr:to>
    <xdr:sp macro="" textlink="">
      <xdr:nvSpPr>
        <xdr:cNvPr id="139" name="楕円 138">
          <a:extLst>
            <a:ext uri="{FF2B5EF4-FFF2-40B4-BE49-F238E27FC236}">
              <a16:creationId xmlns:a16="http://schemas.microsoft.com/office/drawing/2014/main" id="{11F4D993-1F70-4222-87EB-3C0EA229E5BB}"/>
            </a:ext>
          </a:extLst>
        </xdr:cNvPr>
        <xdr:cNvSpPr/>
      </xdr:nvSpPr>
      <xdr:spPr>
        <a:xfrm>
          <a:off x="7810500" y="7023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8644</xdr:rowOff>
    </xdr:from>
    <xdr:to>
      <xdr:col>45</xdr:col>
      <xdr:colOff>177800</xdr:colOff>
      <xdr:row>41</xdr:row>
      <xdr:rowOff>45176</xdr:rowOff>
    </xdr:to>
    <xdr:cxnSp macro="">
      <xdr:nvCxnSpPr>
        <xdr:cNvPr id="140" name="直線コネクタ 139">
          <a:extLst>
            <a:ext uri="{FF2B5EF4-FFF2-40B4-BE49-F238E27FC236}">
              <a16:creationId xmlns:a16="http://schemas.microsoft.com/office/drawing/2014/main" id="{8A5B08D6-194B-46B8-8779-F64020869585}"/>
            </a:ext>
          </a:extLst>
        </xdr:cNvPr>
        <xdr:cNvCxnSpPr/>
      </xdr:nvCxnSpPr>
      <xdr:spPr>
        <a:xfrm flipV="1">
          <a:off x="7861300" y="7068094"/>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69091</xdr:rowOff>
    </xdr:from>
    <xdr:to>
      <xdr:col>36</xdr:col>
      <xdr:colOff>165100</xdr:colOff>
      <xdr:row>41</xdr:row>
      <xdr:rowOff>99241</xdr:rowOff>
    </xdr:to>
    <xdr:sp macro="" textlink="">
      <xdr:nvSpPr>
        <xdr:cNvPr id="141" name="楕円 140">
          <a:extLst>
            <a:ext uri="{FF2B5EF4-FFF2-40B4-BE49-F238E27FC236}">
              <a16:creationId xmlns:a16="http://schemas.microsoft.com/office/drawing/2014/main" id="{A601C73B-55F6-4C93-83D9-A2A5C9870B5D}"/>
            </a:ext>
          </a:extLst>
        </xdr:cNvPr>
        <xdr:cNvSpPr/>
      </xdr:nvSpPr>
      <xdr:spPr>
        <a:xfrm>
          <a:off x="6921500" y="7027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45176</xdr:rowOff>
    </xdr:from>
    <xdr:to>
      <xdr:col>41</xdr:col>
      <xdr:colOff>50800</xdr:colOff>
      <xdr:row>41</xdr:row>
      <xdr:rowOff>48441</xdr:rowOff>
    </xdr:to>
    <xdr:cxnSp macro="">
      <xdr:nvCxnSpPr>
        <xdr:cNvPr id="142" name="直線コネクタ 141">
          <a:extLst>
            <a:ext uri="{FF2B5EF4-FFF2-40B4-BE49-F238E27FC236}">
              <a16:creationId xmlns:a16="http://schemas.microsoft.com/office/drawing/2014/main" id="{D5677CAB-AD96-40B1-A9C7-C2AD37662270}"/>
            </a:ext>
          </a:extLst>
        </xdr:cNvPr>
        <xdr:cNvCxnSpPr/>
      </xdr:nvCxnSpPr>
      <xdr:spPr>
        <a:xfrm flipV="1">
          <a:off x="6972300" y="7074626"/>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4734</xdr:rowOff>
    </xdr:from>
    <xdr:ext cx="469744" cy="259045"/>
    <xdr:sp macro="" textlink="">
      <xdr:nvSpPr>
        <xdr:cNvPr id="143" name="n_1aveValue【図書館】&#10;一人当たり面積">
          <a:extLst>
            <a:ext uri="{FF2B5EF4-FFF2-40B4-BE49-F238E27FC236}">
              <a16:creationId xmlns:a16="http://schemas.microsoft.com/office/drawing/2014/main" id="{7A12871C-54BD-4725-98E4-683CBA2A0E79}"/>
            </a:ext>
          </a:extLst>
        </xdr:cNvPr>
        <xdr:cNvSpPr txBox="1"/>
      </xdr:nvSpPr>
      <xdr:spPr>
        <a:xfrm>
          <a:off x="9391727" y="6691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33730</xdr:rowOff>
    </xdr:from>
    <xdr:ext cx="469744" cy="259045"/>
    <xdr:sp macro="" textlink="">
      <xdr:nvSpPr>
        <xdr:cNvPr id="144" name="n_2aveValue【図書館】&#10;一人当たり面積">
          <a:extLst>
            <a:ext uri="{FF2B5EF4-FFF2-40B4-BE49-F238E27FC236}">
              <a16:creationId xmlns:a16="http://schemas.microsoft.com/office/drawing/2014/main" id="{EF197DC4-07F2-4AD8-A13C-B3734A49825E}"/>
            </a:ext>
          </a:extLst>
        </xdr:cNvPr>
        <xdr:cNvSpPr txBox="1"/>
      </xdr:nvSpPr>
      <xdr:spPr>
        <a:xfrm>
          <a:off x="8515427" y="6648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33730</xdr:rowOff>
    </xdr:from>
    <xdr:ext cx="469744" cy="259045"/>
    <xdr:sp macro="" textlink="">
      <xdr:nvSpPr>
        <xdr:cNvPr id="145" name="n_3aveValue【図書館】&#10;一人当たり面積">
          <a:extLst>
            <a:ext uri="{FF2B5EF4-FFF2-40B4-BE49-F238E27FC236}">
              <a16:creationId xmlns:a16="http://schemas.microsoft.com/office/drawing/2014/main" id="{67663BC6-ED28-43A6-B64C-6BB01149A5C3}"/>
            </a:ext>
          </a:extLst>
        </xdr:cNvPr>
        <xdr:cNvSpPr txBox="1"/>
      </xdr:nvSpPr>
      <xdr:spPr>
        <a:xfrm>
          <a:off x="7626427" y="6648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63121</xdr:rowOff>
    </xdr:from>
    <xdr:ext cx="469744" cy="259045"/>
    <xdr:sp macro="" textlink="">
      <xdr:nvSpPr>
        <xdr:cNvPr id="146" name="n_4aveValue【図書館】&#10;一人当たり面積">
          <a:extLst>
            <a:ext uri="{FF2B5EF4-FFF2-40B4-BE49-F238E27FC236}">
              <a16:creationId xmlns:a16="http://schemas.microsoft.com/office/drawing/2014/main" id="{0EB82443-C77A-4C9B-9B06-4C4495A8E7FC}"/>
            </a:ext>
          </a:extLst>
        </xdr:cNvPr>
        <xdr:cNvSpPr txBox="1"/>
      </xdr:nvSpPr>
      <xdr:spPr>
        <a:xfrm>
          <a:off x="6737427" y="6678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7305</xdr:rowOff>
    </xdr:from>
    <xdr:ext cx="469744" cy="259045"/>
    <xdr:sp macro="" textlink="">
      <xdr:nvSpPr>
        <xdr:cNvPr id="147" name="n_1mainValue【図書館】&#10;一人当たり面積">
          <a:extLst>
            <a:ext uri="{FF2B5EF4-FFF2-40B4-BE49-F238E27FC236}">
              <a16:creationId xmlns:a16="http://schemas.microsoft.com/office/drawing/2014/main" id="{70E4C873-603B-45A5-86A1-645CF943D935}"/>
            </a:ext>
          </a:extLst>
        </xdr:cNvPr>
        <xdr:cNvSpPr txBox="1"/>
      </xdr:nvSpPr>
      <xdr:spPr>
        <a:xfrm>
          <a:off x="9391727" y="7106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80571</xdr:rowOff>
    </xdr:from>
    <xdr:ext cx="469744" cy="259045"/>
    <xdr:sp macro="" textlink="">
      <xdr:nvSpPr>
        <xdr:cNvPr id="148" name="n_2mainValue【図書館】&#10;一人当たり面積">
          <a:extLst>
            <a:ext uri="{FF2B5EF4-FFF2-40B4-BE49-F238E27FC236}">
              <a16:creationId xmlns:a16="http://schemas.microsoft.com/office/drawing/2014/main" id="{746CD695-46CA-4F4C-8B11-9582C3059D85}"/>
            </a:ext>
          </a:extLst>
        </xdr:cNvPr>
        <xdr:cNvSpPr txBox="1"/>
      </xdr:nvSpPr>
      <xdr:spPr>
        <a:xfrm>
          <a:off x="8515427" y="7110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87103</xdr:rowOff>
    </xdr:from>
    <xdr:ext cx="469744" cy="259045"/>
    <xdr:sp macro="" textlink="">
      <xdr:nvSpPr>
        <xdr:cNvPr id="149" name="n_3mainValue【図書館】&#10;一人当たり面積">
          <a:extLst>
            <a:ext uri="{FF2B5EF4-FFF2-40B4-BE49-F238E27FC236}">
              <a16:creationId xmlns:a16="http://schemas.microsoft.com/office/drawing/2014/main" id="{FFFEC2A7-32B4-4306-9C34-842AAB52426F}"/>
            </a:ext>
          </a:extLst>
        </xdr:cNvPr>
        <xdr:cNvSpPr txBox="1"/>
      </xdr:nvSpPr>
      <xdr:spPr>
        <a:xfrm>
          <a:off x="7626427" y="7116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90368</xdr:rowOff>
    </xdr:from>
    <xdr:ext cx="469744" cy="259045"/>
    <xdr:sp macro="" textlink="">
      <xdr:nvSpPr>
        <xdr:cNvPr id="150" name="n_4mainValue【図書館】&#10;一人当たり面積">
          <a:extLst>
            <a:ext uri="{FF2B5EF4-FFF2-40B4-BE49-F238E27FC236}">
              <a16:creationId xmlns:a16="http://schemas.microsoft.com/office/drawing/2014/main" id="{9EBA64BC-11DA-451B-81CF-AA368B35F90A}"/>
            </a:ext>
          </a:extLst>
        </xdr:cNvPr>
        <xdr:cNvSpPr txBox="1"/>
      </xdr:nvSpPr>
      <xdr:spPr>
        <a:xfrm>
          <a:off x="6737427" y="7119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a:extLst>
            <a:ext uri="{FF2B5EF4-FFF2-40B4-BE49-F238E27FC236}">
              <a16:creationId xmlns:a16="http://schemas.microsoft.com/office/drawing/2014/main" id="{CF65F4C4-B3FB-4FD1-A542-6DC4503B7EA9}"/>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a:extLst>
            <a:ext uri="{FF2B5EF4-FFF2-40B4-BE49-F238E27FC236}">
              <a16:creationId xmlns:a16="http://schemas.microsoft.com/office/drawing/2014/main" id="{55D7B8BD-2D73-4B10-BCFA-B595726DC667}"/>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a:extLst>
            <a:ext uri="{FF2B5EF4-FFF2-40B4-BE49-F238E27FC236}">
              <a16:creationId xmlns:a16="http://schemas.microsoft.com/office/drawing/2014/main" id="{3908738D-9BCF-4D2E-9959-C07D65292985}"/>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a:extLst>
            <a:ext uri="{FF2B5EF4-FFF2-40B4-BE49-F238E27FC236}">
              <a16:creationId xmlns:a16="http://schemas.microsoft.com/office/drawing/2014/main" id="{4F5DB232-FC2A-492B-87A6-C643ACC08344}"/>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a:extLst>
            <a:ext uri="{FF2B5EF4-FFF2-40B4-BE49-F238E27FC236}">
              <a16:creationId xmlns:a16="http://schemas.microsoft.com/office/drawing/2014/main" id="{A6EACA91-C6E5-45D3-8B72-EDCCEE25CB8D}"/>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a:extLst>
            <a:ext uri="{FF2B5EF4-FFF2-40B4-BE49-F238E27FC236}">
              <a16:creationId xmlns:a16="http://schemas.microsoft.com/office/drawing/2014/main" id="{7F13305A-70B4-4FC4-9F79-8A29F337B11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a:extLst>
            <a:ext uri="{FF2B5EF4-FFF2-40B4-BE49-F238E27FC236}">
              <a16:creationId xmlns:a16="http://schemas.microsoft.com/office/drawing/2014/main" id="{7761E4AB-166E-4117-9728-C06046025D35}"/>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a:extLst>
            <a:ext uri="{FF2B5EF4-FFF2-40B4-BE49-F238E27FC236}">
              <a16:creationId xmlns:a16="http://schemas.microsoft.com/office/drawing/2014/main" id="{5AA4341B-5287-464F-AD36-B30D8CBBA69B}"/>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a:extLst>
            <a:ext uri="{FF2B5EF4-FFF2-40B4-BE49-F238E27FC236}">
              <a16:creationId xmlns:a16="http://schemas.microsoft.com/office/drawing/2014/main" id="{F4376A4C-BB91-43B3-8BE5-480E325FBEAC}"/>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a:extLst>
            <a:ext uri="{FF2B5EF4-FFF2-40B4-BE49-F238E27FC236}">
              <a16:creationId xmlns:a16="http://schemas.microsoft.com/office/drawing/2014/main" id="{43F3DE19-2BF9-4FC8-BA45-31478770639C}"/>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1" name="テキスト ボックス 160">
          <a:extLst>
            <a:ext uri="{FF2B5EF4-FFF2-40B4-BE49-F238E27FC236}">
              <a16:creationId xmlns:a16="http://schemas.microsoft.com/office/drawing/2014/main" id="{DC26F312-2C01-4D36-9DA4-B014EFF87152}"/>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2" name="直線コネクタ 161">
          <a:extLst>
            <a:ext uri="{FF2B5EF4-FFF2-40B4-BE49-F238E27FC236}">
              <a16:creationId xmlns:a16="http://schemas.microsoft.com/office/drawing/2014/main" id="{B286EBED-CE64-49D2-B547-7D19ADA0B3A8}"/>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3" name="テキスト ボックス 162">
          <a:extLst>
            <a:ext uri="{FF2B5EF4-FFF2-40B4-BE49-F238E27FC236}">
              <a16:creationId xmlns:a16="http://schemas.microsoft.com/office/drawing/2014/main" id="{C44CD247-9833-43E3-B7FF-A9C8CEAE2C30}"/>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4" name="直線コネクタ 163">
          <a:extLst>
            <a:ext uri="{FF2B5EF4-FFF2-40B4-BE49-F238E27FC236}">
              <a16:creationId xmlns:a16="http://schemas.microsoft.com/office/drawing/2014/main" id="{0A2FE8C6-8CA1-4FB7-8E8C-7985D8F99242}"/>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5" name="テキスト ボックス 164">
          <a:extLst>
            <a:ext uri="{FF2B5EF4-FFF2-40B4-BE49-F238E27FC236}">
              <a16:creationId xmlns:a16="http://schemas.microsoft.com/office/drawing/2014/main" id="{27924E14-7A1D-422A-88C1-4FF1CED593AA}"/>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6" name="直線コネクタ 165">
          <a:extLst>
            <a:ext uri="{FF2B5EF4-FFF2-40B4-BE49-F238E27FC236}">
              <a16:creationId xmlns:a16="http://schemas.microsoft.com/office/drawing/2014/main" id="{9D68E390-8749-4D07-B3B6-5CF76C617E4A}"/>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7" name="テキスト ボックス 166">
          <a:extLst>
            <a:ext uri="{FF2B5EF4-FFF2-40B4-BE49-F238E27FC236}">
              <a16:creationId xmlns:a16="http://schemas.microsoft.com/office/drawing/2014/main" id="{8F222863-E76D-495D-BA38-B7EAB8EF5E6B}"/>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8" name="直線コネクタ 167">
          <a:extLst>
            <a:ext uri="{FF2B5EF4-FFF2-40B4-BE49-F238E27FC236}">
              <a16:creationId xmlns:a16="http://schemas.microsoft.com/office/drawing/2014/main" id="{28E47EBD-8D90-47FE-9146-39A9D9F9E863}"/>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9" name="テキスト ボックス 168">
          <a:extLst>
            <a:ext uri="{FF2B5EF4-FFF2-40B4-BE49-F238E27FC236}">
              <a16:creationId xmlns:a16="http://schemas.microsoft.com/office/drawing/2014/main" id="{28BF3694-F2D1-4A0A-84A1-E9CDE046CC60}"/>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0" name="直線コネクタ 169">
          <a:extLst>
            <a:ext uri="{FF2B5EF4-FFF2-40B4-BE49-F238E27FC236}">
              <a16:creationId xmlns:a16="http://schemas.microsoft.com/office/drawing/2014/main" id="{99A8DA41-7C3E-4220-A47F-663363063420}"/>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1" name="テキスト ボックス 170">
          <a:extLst>
            <a:ext uri="{FF2B5EF4-FFF2-40B4-BE49-F238E27FC236}">
              <a16:creationId xmlns:a16="http://schemas.microsoft.com/office/drawing/2014/main" id="{F4F5EDA8-71FC-40A4-B98F-59EE5FA7DDAD}"/>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0F87CAD0-0C27-48BC-84FF-43B311300BA5}"/>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3" name="テキスト ボックス 172">
          <a:extLst>
            <a:ext uri="{FF2B5EF4-FFF2-40B4-BE49-F238E27FC236}">
              <a16:creationId xmlns:a16="http://schemas.microsoft.com/office/drawing/2014/main" id="{A3D3E0F9-7EAE-4FC2-848E-4093403A7CC2}"/>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a:extLst>
            <a:ext uri="{FF2B5EF4-FFF2-40B4-BE49-F238E27FC236}">
              <a16:creationId xmlns:a16="http://schemas.microsoft.com/office/drawing/2014/main" id="{AF79CC4E-BEAC-459F-A4D0-B0945020FA5E}"/>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0</xdr:rowOff>
    </xdr:from>
    <xdr:to>
      <xdr:col>24</xdr:col>
      <xdr:colOff>62865</xdr:colOff>
      <xdr:row>64</xdr:row>
      <xdr:rowOff>76200</xdr:rowOff>
    </xdr:to>
    <xdr:cxnSp macro="">
      <xdr:nvCxnSpPr>
        <xdr:cNvPr id="175" name="直線コネクタ 174">
          <a:extLst>
            <a:ext uri="{FF2B5EF4-FFF2-40B4-BE49-F238E27FC236}">
              <a16:creationId xmlns:a16="http://schemas.microsoft.com/office/drawing/2014/main" id="{E414B30D-DE30-4950-989A-88CA93876531}"/>
            </a:ext>
          </a:extLst>
        </xdr:cNvPr>
        <xdr:cNvCxnSpPr/>
      </xdr:nvCxnSpPr>
      <xdr:spPr>
        <a:xfrm flipV="1">
          <a:off x="4634865" y="9429750"/>
          <a:ext cx="0" cy="1619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76" name="【体育館・プール】&#10;有形固定資産減価償却率最小値テキスト">
          <a:extLst>
            <a:ext uri="{FF2B5EF4-FFF2-40B4-BE49-F238E27FC236}">
              <a16:creationId xmlns:a16="http://schemas.microsoft.com/office/drawing/2014/main" id="{3894D3C3-E53E-4E7E-A468-16EA040CC54D}"/>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77" name="直線コネクタ 176">
          <a:extLst>
            <a:ext uri="{FF2B5EF4-FFF2-40B4-BE49-F238E27FC236}">
              <a16:creationId xmlns:a16="http://schemas.microsoft.com/office/drawing/2014/main" id="{DFDAF35D-A08B-4144-A48E-5A4D3C6C2A2E}"/>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18127</xdr:rowOff>
    </xdr:from>
    <xdr:ext cx="405111" cy="259045"/>
    <xdr:sp macro="" textlink="">
      <xdr:nvSpPr>
        <xdr:cNvPr id="178" name="【体育館・プール】&#10;有形固定資産減価償却率最大値テキスト">
          <a:extLst>
            <a:ext uri="{FF2B5EF4-FFF2-40B4-BE49-F238E27FC236}">
              <a16:creationId xmlns:a16="http://schemas.microsoft.com/office/drawing/2014/main" id="{E448BBCD-31A0-4215-BDDB-AB0F71E53280}"/>
            </a:ext>
          </a:extLst>
        </xdr:cNvPr>
        <xdr:cNvSpPr txBox="1"/>
      </xdr:nvSpPr>
      <xdr:spPr>
        <a:xfrm>
          <a:off x="4673600" y="9204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0</xdr:rowOff>
    </xdr:from>
    <xdr:to>
      <xdr:col>24</xdr:col>
      <xdr:colOff>152400</xdr:colOff>
      <xdr:row>55</xdr:row>
      <xdr:rowOff>0</xdr:rowOff>
    </xdr:to>
    <xdr:cxnSp macro="">
      <xdr:nvCxnSpPr>
        <xdr:cNvPr id="179" name="直線コネクタ 178">
          <a:extLst>
            <a:ext uri="{FF2B5EF4-FFF2-40B4-BE49-F238E27FC236}">
              <a16:creationId xmlns:a16="http://schemas.microsoft.com/office/drawing/2014/main" id="{E1C8AC20-1838-4CFF-8FE5-4573063254B0}"/>
            </a:ext>
          </a:extLst>
        </xdr:cNvPr>
        <xdr:cNvCxnSpPr/>
      </xdr:nvCxnSpPr>
      <xdr:spPr>
        <a:xfrm>
          <a:off x="4546600" y="942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87647</xdr:rowOff>
    </xdr:from>
    <xdr:ext cx="405111" cy="259045"/>
    <xdr:sp macro="" textlink="">
      <xdr:nvSpPr>
        <xdr:cNvPr id="180" name="【体育館・プール】&#10;有形固定資産減価償却率平均値テキスト">
          <a:extLst>
            <a:ext uri="{FF2B5EF4-FFF2-40B4-BE49-F238E27FC236}">
              <a16:creationId xmlns:a16="http://schemas.microsoft.com/office/drawing/2014/main" id="{9BE3A522-C822-40A6-AFFF-63E4B1DA63C1}"/>
            </a:ext>
          </a:extLst>
        </xdr:cNvPr>
        <xdr:cNvSpPr txBox="1"/>
      </xdr:nvSpPr>
      <xdr:spPr>
        <a:xfrm>
          <a:off x="4673600" y="103746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09220</xdr:rowOff>
    </xdr:from>
    <xdr:to>
      <xdr:col>24</xdr:col>
      <xdr:colOff>114300</xdr:colOff>
      <xdr:row>61</xdr:row>
      <xdr:rowOff>39370</xdr:rowOff>
    </xdr:to>
    <xdr:sp macro="" textlink="">
      <xdr:nvSpPr>
        <xdr:cNvPr id="181" name="フローチャート: 判断 180">
          <a:extLst>
            <a:ext uri="{FF2B5EF4-FFF2-40B4-BE49-F238E27FC236}">
              <a16:creationId xmlns:a16="http://schemas.microsoft.com/office/drawing/2014/main" id="{558DD963-0FF0-464D-9D11-47A5E3F6AA1E}"/>
            </a:ext>
          </a:extLst>
        </xdr:cNvPr>
        <xdr:cNvSpPr/>
      </xdr:nvSpPr>
      <xdr:spPr>
        <a:xfrm>
          <a:off x="4584700" y="1039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69215</xdr:rowOff>
    </xdr:from>
    <xdr:to>
      <xdr:col>20</xdr:col>
      <xdr:colOff>38100</xdr:colOff>
      <xdr:row>60</xdr:row>
      <xdr:rowOff>170815</xdr:rowOff>
    </xdr:to>
    <xdr:sp macro="" textlink="">
      <xdr:nvSpPr>
        <xdr:cNvPr id="182" name="フローチャート: 判断 181">
          <a:extLst>
            <a:ext uri="{FF2B5EF4-FFF2-40B4-BE49-F238E27FC236}">
              <a16:creationId xmlns:a16="http://schemas.microsoft.com/office/drawing/2014/main" id="{DD2DA753-F219-41BF-BAB6-E14A761F4841}"/>
            </a:ext>
          </a:extLst>
        </xdr:cNvPr>
        <xdr:cNvSpPr/>
      </xdr:nvSpPr>
      <xdr:spPr>
        <a:xfrm>
          <a:off x="3746500" y="1035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63500</xdr:rowOff>
    </xdr:from>
    <xdr:to>
      <xdr:col>15</xdr:col>
      <xdr:colOff>101600</xdr:colOff>
      <xdr:row>60</xdr:row>
      <xdr:rowOff>165100</xdr:rowOff>
    </xdr:to>
    <xdr:sp macro="" textlink="">
      <xdr:nvSpPr>
        <xdr:cNvPr id="183" name="フローチャート: 判断 182">
          <a:extLst>
            <a:ext uri="{FF2B5EF4-FFF2-40B4-BE49-F238E27FC236}">
              <a16:creationId xmlns:a16="http://schemas.microsoft.com/office/drawing/2014/main" id="{D6D19835-0413-477C-B8D2-2364C8A1272F}"/>
            </a:ext>
          </a:extLst>
        </xdr:cNvPr>
        <xdr:cNvSpPr/>
      </xdr:nvSpPr>
      <xdr:spPr>
        <a:xfrm>
          <a:off x="2857500" y="103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55880</xdr:rowOff>
    </xdr:from>
    <xdr:to>
      <xdr:col>10</xdr:col>
      <xdr:colOff>165100</xdr:colOff>
      <xdr:row>60</xdr:row>
      <xdr:rowOff>157480</xdr:rowOff>
    </xdr:to>
    <xdr:sp macro="" textlink="">
      <xdr:nvSpPr>
        <xdr:cNvPr id="184" name="フローチャート: 判断 183">
          <a:extLst>
            <a:ext uri="{FF2B5EF4-FFF2-40B4-BE49-F238E27FC236}">
              <a16:creationId xmlns:a16="http://schemas.microsoft.com/office/drawing/2014/main" id="{D4D3EBD9-8878-4223-8043-34DCCC96A833}"/>
            </a:ext>
          </a:extLst>
        </xdr:cNvPr>
        <xdr:cNvSpPr/>
      </xdr:nvSpPr>
      <xdr:spPr>
        <a:xfrm>
          <a:off x="1968500" y="10342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51130</xdr:rowOff>
    </xdr:from>
    <xdr:to>
      <xdr:col>6</xdr:col>
      <xdr:colOff>38100</xdr:colOff>
      <xdr:row>60</xdr:row>
      <xdr:rowOff>81280</xdr:rowOff>
    </xdr:to>
    <xdr:sp macro="" textlink="">
      <xdr:nvSpPr>
        <xdr:cNvPr id="185" name="フローチャート: 判断 184">
          <a:extLst>
            <a:ext uri="{FF2B5EF4-FFF2-40B4-BE49-F238E27FC236}">
              <a16:creationId xmlns:a16="http://schemas.microsoft.com/office/drawing/2014/main" id="{76F08392-C660-4F27-81B3-990DB0BD2E81}"/>
            </a:ext>
          </a:extLst>
        </xdr:cNvPr>
        <xdr:cNvSpPr/>
      </xdr:nvSpPr>
      <xdr:spPr>
        <a:xfrm>
          <a:off x="10795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1EBC4C80-550C-49E4-9060-37DF628E080F}"/>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1C3160B5-91E7-4855-A227-D889D862A857}"/>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A96BE850-1D1E-400F-B0B7-EA6075706589}"/>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5FD9B36D-20FC-4FC4-9535-EE1EA5449E2F}"/>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a:extLst>
            <a:ext uri="{FF2B5EF4-FFF2-40B4-BE49-F238E27FC236}">
              <a16:creationId xmlns:a16="http://schemas.microsoft.com/office/drawing/2014/main" id="{9F9405D9-85C6-491D-AA01-62C1B2484A77}"/>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26365</xdr:rowOff>
    </xdr:from>
    <xdr:to>
      <xdr:col>24</xdr:col>
      <xdr:colOff>114300</xdr:colOff>
      <xdr:row>60</xdr:row>
      <xdr:rowOff>56515</xdr:rowOff>
    </xdr:to>
    <xdr:sp macro="" textlink="">
      <xdr:nvSpPr>
        <xdr:cNvPr id="191" name="楕円 190">
          <a:extLst>
            <a:ext uri="{FF2B5EF4-FFF2-40B4-BE49-F238E27FC236}">
              <a16:creationId xmlns:a16="http://schemas.microsoft.com/office/drawing/2014/main" id="{39466E60-E59A-4725-849C-D200C47B8702}"/>
            </a:ext>
          </a:extLst>
        </xdr:cNvPr>
        <xdr:cNvSpPr/>
      </xdr:nvSpPr>
      <xdr:spPr>
        <a:xfrm>
          <a:off x="4584700" y="10241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49242</xdr:rowOff>
    </xdr:from>
    <xdr:ext cx="405111" cy="259045"/>
    <xdr:sp macro="" textlink="">
      <xdr:nvSpPr>
        <xdr:cNvPr id="192" name="【体育館・プール】&#10;有形固定資産減価償却率該当値テキスト">
          <a:extLst>
            <a:ext uri="{FF2B5EF4-FFF2-40B4-BE49-F238E27FC236}">
              <a16:creationId xmlns:a16="http://schemas.microsoft.com/office/drawing/2014/main" id="{6E116A5D-6604-4073-BF5C-711909CC7679}"/>
            </a:ext>
          </a:extLst>
        </xdr:cNvPr>
        <xdr:cNvSpPr txBox="1"/>
      </xdr:nvSpPr>
      <xdr:spPr>
        <a:xfrm>
          <a:off x="4673600" y="10093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82550</xdr:rowOff>
    </xdr:from>
    <xdr:to>
      <xdr:col>20</xdr:col>
      <xdr:colOff>38100</xdr:colOff>
      <xdr:row>60</xdr:row>
      <xdr:rowOff>12700</xdr:rowOff>
    </xdr:to>
    <xdr:sp macro="" textlink="">
      <xdr:nvSpPr>
        <xdr:cNvPr id="193" name="楕円 192">
          <a:extLst>
            <a:ext uri="{FF2B5EF4-FFF2-40B4-BE49-F238E27FC236}">
              <a16:creationId xmlns:a16="http://schemas.microsoft.com/office/drawing/2014/main" id="{9DF1CA44-D479-4A92-91B7-54E5B94B622E}"/>
            </a:ext>
          </a:extLst>
        </xdr:cNvPr>
        <xdr:cNvSpPr/>
      </xdr:nvSpPr>
      <xdr:spPr>
        <a:xfrm>
          <a:off x="3746500" y="1019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33350</xdr:rowOff>
    </xdr:from>
    <xdr:to>
      <xdr:col>24</xdr:col>
      <xdr:colOff>63500</xdr:colOff>
      <xdr:row>60</xdr:row>
      <xdr:rowOff>5715</xdr:rowOff>
    </xdr:to>
    <xdr:cxnSp macro="">
      <xdr:nvCxnSpPr>
        <xdr:cNvPr id="194" name="直線コネクタ 193">
          <a:extLst>
            <a:ext uri="{FF2B5EF4-FFF2-40B4-BE49-F238E27FC236}">
              <a16:creationId xmlns:a16="http://schemas.microsoft.com/office/drawing/2014/main" id="{609305DE-EA4A-4728-BEC8-EEAE18CC3437}"/>
            </a:ext>
          </a:extLst>
        </xdr:cNvPr>
        <xdr:cNvCxnSpPr/>
      </xdr:nvCxnSpPr>
      <xdr:spPr>
        <a:xfrm>
          <a:off x="3797300" y="10248900"/>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36830</xdr:rowOff>
    </xdr:from>
    <xdr:to>
      <xdr:col>15</xdr:col>
      <xdr:colOff>101600</xdr:colOff>
      <xdr:row>59</xdr:row>
      <xdr:rowOff>138430</xdr:rowOff>
    </xdr:to>
    <xdr:sp macro="" textlink="">
      <xdr:nvSpPr>
        <xdr:cNvPr id="195" name="楕円 194">
          <a:extLst>
            <a:ext uri="{FF2B5EF4-FFF2-40B4-BE49-F238E27FC236}">
              <a16:creationId xmlns:a16="http://schemas.microsoft.com/office/drawing/2014/main" id="{0D0540A0-8CF8-4655-B6CC-75333AC59E27}"/>
            </a:ext>
          </a:extLst>
        </xdr:cNvPr>
        <xdr:cNvSpPr/>
      </xdr:nvSpPr>
      <xdr:spPr>
        <a:xfrm>
          <a:off x="2857500" y="1015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87630</xdr:rowOff>
    </xdr:from>
    <xdr:to>
      <xdr:col>19</xdr:col>
      <xdr:colOff>177800</xdr:colOff>
      <xdr:row>59</xdr:row>
      <xdr:rowOff>133350</xdr:rowOff>
    </xdr:to>
    <xdr:cxnSp macro="">
      <xdr:nvCxnSpPr>
        <xdr:cNvPr id="196" name="直線コネクタ 195">
          <a:extLst>
            <a:ext uri="{FF2B5EF4-FFF2-40B4-BE49-F238E27FC236}">
              <a16:creationId xmlns:a16="http://schemas.microsoft.com/office/drawing/2014/main" id="{10A458A2-6724-45C1-BFF0-27D4E463F515}"/>
            </a:ext>
          </a:extLst>
        </xdr:cNvPr>
        <xdr:cNvCxnSpPr/>
      </xdr:nvCxnSpPr>
      <xdr:spPr>
        <a:xfrm>
          <a:off x="2908300" y="1020318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64465</xdr:rowOff>
    </xdr:from>
    <xdr:to>
      <xdr:col>10</xdr:col>
      <xdr:colOff>165100</xdr:colOff>
      <xdr:row>59</xdr:row>
      <xdr:rowOff>94615</xdr:rowOff>
    </xdr:to>
    <xdr:sp macro="" textlink="">
      <xdr:nvSpPr>
        <xdr:cNvPr id="197" name="楕円 196">
          <a:extLst>
            <a:ext uri="{FF2B5EF4-FFF2-40B4-BE49-F238E27FC236}">
              <a16:creationId xmlns:a16="http://schemas.microsoft.com/office/drawing/2014/main" id="{5174132D-C145-4FAD-901B-C55E2770A8BE}"/>
            </a:ext>
          </a:extLst>
        </xdr:cNvPr>
        <xdr:cNvSpPr/>
      </xdr:nvSpPr>
      <xdr:spPr>
        <a:xfrm>
          <a:off x="1968500" y="10108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43815</xdr:rowOff>
    </xdr:from>
    <xdr:to>
      <xdr:col>15</xdr:col>
      <xdr:colOff>50800</xdr:colOff>
      <xdr:row>59</xdr:row>
      <xdr:rowOff>87630</xdr:rowOff>
    </xdr:to>
    <xdr:cxnSp macro="">
      <xdr:nvCxnSpPr>
        <xdr:cNvPr id="198" name="直線コネクタ 197">
          <a:extLst>
            <a:ext uri="{FF2B5EF4-FFF2-40B4-BE49-F238E27FC236}">
              <a16:creationId xmlns:a16="http://schemas.microsoft.com/office/drawing/2014/main" id="{935C3C9B-990D-447A-8870-3A62D00A9720}"/>
            </a:ext>
          </a:extLst>
        </xdr:cNvPr>
        <xdr:cNvCxnSpPr/>
      </xdr:nvCxnSpPr>
      <xdr:spPr>
        <a:xfrm>
          <a:off x="2019300" y="10159365"/>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43510</xdr:rowOff>
    </xdr:from>
    <xdr:to>
      <xdr:col>6</xdr:col>
      <xdr:colOff>38100</xdr:colOff>
      <xdr:row>59</xdr:row>
      <xdr:rowOff>73660</xdr:rowOff>
    </xdr:to>
    <xdr:sp macro="" textlink="">
      <xdr:nvSpPr>
        <xdr:cNvPr id="199" name="楕円 198">
          <a:extLst>
            <a:ext uri="{FF2B5EF4-FFF2-40B4-BE49-F238E27FC236}">
              <a16:creationId xmlns:a16="http://schemas.microsoft.com/office/drawing/2014/main" id="{53381334-61B0-490E-A097-66EB1DC159FE}"/>
            </a:ext>
          </a:extLst>
        </xdr:cNvPr>
        <xdr:cNvSpPr/>
      </xdr:nvSpPr>
      <xdr:spPr>
        <a:xfrm>
          <a:off x="1079500" y="1008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22860</xdr:rowOff>
    </xdr:from>
    <xdr:to>
      <xdr:col>10</xdr:col>
      <xdr:colOff>114300</xdr:colOff>
      <xdr:row>59</xdr:row>
      <xdr:rowOff>43815</xdr:rowOff>
    </xdr:to>
    <xdr:cxnSp macro="">
      <xdr:nvCxnSpPr>
        <xdr:cNvPr id="200" name="直線コネクタ 199">
          <a:extLst>
            <a:ext uri="{FF2B5EF4-FFF2-40B4-BE49-F238E27FC236}">
              <a16:creationId xmlns:a16="http://schemas.microsoft.com/office/drawing/2014/main" id="{7F96E586-F202-424A-B9B2-F2F60D2B2D9F}"/>
            </a:ext>
          </a:extLst>
        </xdr:cNvPr>
        <xdr:cNvCxnSpPr/>
      </xdr:nvCxnSpPr>
      <xdr:spPr>
        <a:xfrm>
          <a:off x="1130300" y="10138410"/>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61942</xdr:rowOff>
    </xdr:from>
    <xdr:ext cx="405111" cy="259045"/>
    <xdr:sp macro="" textlink="">
      <xdr:nvSpPr>
        <xdr:cNvPr id="201" name="n_1aveValue【体育館・プール】&#10;有形固定資産減価償却率">
          <a:extLst>
            <a:ext uri="{FF2B5EF4-FFF2-40B4-BE49-F238E27FC236}">
              <a16:creationId xmlns:a16="http://schemas.microsoft.com/office/drawing/2014/main" id="{092FA6F1-AE5A-4928-9132-FF367023013C}"/>
            </a:ext>
          </a:extLst>
        </xdr:cNvPr>
        <xdr:cNvSpPr txBox="1"/>
      </xdr:nvSpPr>
      <xdr:spPr>
        <a:xfrm>
          <a:off x="3582044" y="10448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56227</xdr:rowOff>
    </xdr:from>
    <xdr:ext cx="405111" cy="259045"/>
    <xdr:sp macro="" textlink="">
      <xdr:nvSpPr>
        <xdr:cNvPr id="202" name="n_2aveValue【体育館・プール】&#10;有形固定資産減価償却率">
          <a:extLst>
            <a:ext uri="{FF2B5EF4-FFF2-40B4-BE49-F238E27FC236}">
              <a16:creationId xmlns:a16="http://schemas.microsoft.com/office/drawing/2014/main" id="{16C3467C-D8EB-41BB-91A0-20256AEDCFB8}"/>
            </a:ext>
          </a:extLst>
        </xdr:cNvPr>
        <xdr:cNvSpPr txBox="1"/>
      </xdr:nvSpPr>
      <xdr:spPr>
        <a:xfrm>
          <a:off x="2705744" y="1044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48607</xdr:rowOff>
    </xdr:from>
    <xdr:ext cx="405111" cy="259045"/>
    <xdr:sp macro="" textlink="">
      <xdr:nvSpPr>
        <xdr:cNvPr id="203" name="n_3aveValue【体育館・プール】&#10;有形固定資産減価償却率">
          <a:extLst>
            <a:ext uri="{FF2B5EF4-FFF2-40B4-BE49-F238E27FC236}">
              <a16:creationId xmlns:a16="http://schemas.microsoft.com/office/drawing/2014/main" id="{1411F7DD-97BD-45FB-98EF-F1B924CC479F}"/>
            </a:ext>
          </a:extLst>
        </xdr:cNvPr>
        <xdr:cNvSpPr txBox="1"/>
      </xdr:nvSpPr>
      <xdr:spPr>
        <a:xfrm>
          <a:off x="1816744" y="1043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72407</xdr:rowOff>
    </xdr:from>
    <xdr:ext cx="405111" cy="259045"/>
    <xdr:sp macro="" textlink="">
      <xdr:nvSpPr>
        <xdr:cNvPr id="204" name="n_4aveValue【体育館・プール】&#10;有形固定資産減価償却率">
          <a:extLst>
            <a:ext uri="{FF2B5EF4-FFF2-40B4-BE49-F238E27FC236}">
              <a16:creationId xmlns:a16="http://schemas.microsoft.com/office/drawing/2014/main" id="{53D2BA3B-CEE3-4FE6-8B51-AED0817CF0AB}"/>
            </a:ext>
          </a:extLst>
        </xdr:cNvPr>
        <xdr:cNvSpPr txBox="1"/>
      </xdr:nvSpPr>
      <xdr:spPr>
        <a:xfrm>
          <a:off x="927744" y="1035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29227</xdr:rowOff>
    </xdr:from>
    <xdr:ext cx="405111" cy="259045"/>
    <xdr:sp macro="" textlink="">
      <xdr:nvSpPr>
        <xdr:cNvPr id="205" name="n_1mainValue【体育館・プール】&#10;有形固定資産減価償却率">
          <a:extLst>
            <a:ext uri="{FF2B5EF4-FFF2-40B4-BE49-F238E27FC236}">
              <a16:creationId xmlns:a16="http://schemas.microsoft.com/office/drawing/2014/main" id="{C0EE132B-0BF2-43CD-97DD-5CD7B86E9FA5}"/>
            </a:ext>
          </a:extLst>
        </xdr:cNvPr>
        <xdr:cNvSpPr txBox="1"/>
      </xdr:nvSpPr>
      <xdr:spPr>
        <a:xfrm>
          <a:off x="3582044" y="997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54957</xdr:rowOff>
    </xdr:from>
    <xdr:ext cx="405111" cy="259045"/>
    <xdr:sp macro="" textlink="">
      <xdr:nvSpPr>
        <xdr:cNvPr id="206" name="n_2mainValue【体育館・プール】&#10;有形固定資産減価償却率">
          <a:extLst>
            <a:ext uri="{FF2B5EF4-FFF2-40B4-BE49-F238E27FC236}">
              <a16:creationId xmlns:a16="http://schemas.microsoft.com/office/drawing/2014/main" id="{5070FB42-813F-4500-8476-5ABAFA59B9F9}"/>
            </a:ext>
          </a:extLst>
        </xdr:cNvPr>
        <xdr:cNvSpPr txBox="1"/>
      </xdr:nvSpPr>
      <xdr:spPr>
        <a:xfrm>
          <a:off x="2705744" y="9927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11142</xdr:rowOff>
    </xdr:from>
    <xdr:ext cx="405111" cy="259045"/>
    <xdr:sp macro="" textlink="">
      <xdr:nvSpPr>
        <xdr:cNvPr id="207" name="n_3mainValue【体育館・プール】&#10;有形固定資産減価償却率">
          <a:extLst>
            <a:ext uri="{FF2B5EF4-FFF2-40B4-BE49-F238E27FC236}">
              <a16:creationId xmlns:a16="http://schemas.microsoft.com/office/drawing/2014/main" id="{F194DF04-90C5-4752-BAAE-FE1EDC902D05}"/>
            </a:ext>
          </a:extLst>
        </xdr:cNvPr>
        <xdr:cNvSpPr txBox="1"/>
      </xdr:nvSpPr>
      <xdr:spPr>
        <a:xfrm>
          <a:off x="1816744" y="9883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90187</xdr:rowOff>
    </xdr:from>
    <xdr:ext cx="405111" cy="259045"/>
    <xdr:sp macro="" textlink="">
      <xdr:nvSpPr>
        <xdr:cNvPr id="208" name="n_4mainValue【体育館・プール】&#10;有形固定資産減価償却率">
          <a:extLst>
            <a:ext uri="{FF2B5EF4-FFF2-40B4-BE49-F238E27FC236}">
              <a16:creationId xmlns:a16="http://schemas.microsoft.com/office/drawing/2014/main" id="{C260099D-63C9-4189-A34A-ED635CEA5046}"/>
            </a:ext>
          </a:extLst>
        </xdr:cNvPr>
        <xdr:cNvSpPr txBox="1"/>
      </xdr:nvSpPr>
      <xdr:spPr>
        <a:xfrm>
          <a:off x="927744" y="986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a:extLst>
            <a:ext uri="{FF2B5EF4-FFF2-40B4-BE49-F238E27FC236}">
              <a16:creationId xmlns:a16="http://schemas.microsoft.com/office/drawing/2014/main" id="{B9605681-0995-4928-8213-93251E837402}"/>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a:extLst>
            <a:ext uri="{FF2B5EF4-FFF2-40B4-BE49-F238E27FC236}">
              <a16:creationId xmlns:a16="http://schemas.microsoft.com/office/drawing/2014/main" id="{1C733F69-0A77-4FAA-88C3-A4DB34CF921D}"/>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a:extLst>
            <a:ext uri="{FF2B5EF4-FFF2-40B4-BE49-F238E27FC236}">
              <a16:creationId xmlns:a16="http://schemas.microsoft.com/office/drawing/2014/main" id="{207AD5D3-B53A-4A23-BAAC-5DF4AD06595C}"/>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a:extLst>
            <a:ext uri="{FF2B5EF4-FFF2-40B4-BE49-F238E27FC236}">
              <a16:creationId xmlns:a16="http://schemas.microsoft.com/office/drawing/2014/main" id="{DDDD5BFB-CD6C-4CF1-B7A8-A9603796EC84}"/>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a:extLst>
            <a:ext uri="{FF2B5EF4-FFF2-40B4-BE49-F238E27FC236}">
              <a16:creationId xmlns:a16="http://schemas.microsoft.com/office/drawing/2014/main" id="{4A6041D8-E299-425F-939B-E5D7930B0183}"/>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a:extLst>
            <a:ext uri="{FF2B5EF4-FFF2-40B4-BE49-F238E27FC236}">
              <a16:creationId xmlns:a16="http://schemas.microsoft.com/office/drawing/2014/main" id="{2A6146AD-E8EB-469A-AE0F-0B5696CD1E78}"/>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a:extLst>
            <a:ext uri="{FF2B5EF4-FFF2-40B4-BE49-F238E27FC236}">
              <a16:creationId xmlns:a16="http://schemas.microsoft.com/office/drawing/2014/main" id="{7CF6F182-5551-4979-BDD7-CEFDC05DAB30}"/>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a:extLst>
            <a:ext uri="{FF2B5EF4-FFF2-40B4-BE49-F238E27FC236}">
              <a16:creationId xmlns:a16="http://schemas.microsoft.com/office/drawing/2014/main" id="{A6896522-B11B-434E-8BA8-ECCF4B339C54}"/>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a:extLst>
            <a:ext uri="{FF2B5EF4-FFF2-40B4-BE49-F238E27FC236}">
              <a16:creationId xmlns:a16="http://schemas.microsoft.com/office/drawing/2014/main" id="{DC3A2C09-C147-439D-92D1-385CCCC9D8AB}"/>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a:extLst>
            <a:ext uri="{FF2B5EF4-FFF2-40B4-BE49-F238E27FC236}">
              <a16:creationId xmlns:a16="http://schemas.microsoft.com/office/drawing/2014/main" id="{1D0F8937-3D78-4D9A-B38C-9E8F34AFC144}"/>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a:extLst>
            <a:ext uri="{FF2B5EF4-FFF2-40B4-BE49-F238E27FC236}">
              <a16:creationId xmlns:a16="http://schemas.microsoft.com/office/drawing/2014/main" id="{AC8F1362-BEDD-4B5C-A622-2F7EF1FE0EB8}"/>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0" name="テキスト ボックス 219">
          <a:extLst>
            <a:ext uri="{FF2B5EF4-FFF2-40B4-BE49-F238E27FC236}">
              <a16:creationId xmlns:a16="http://schemas.microsoft.com/office/drawing/2014/main" id="{92AFF9F6-52B5-4DD4-8D20-448375A97812}"/>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a:extLst>
            <a:ext uri="{FF2B5EF4-FFF2-40B4-BE49-F238E27FC236}">
              <a16:creationId xmlns:a16="http://schemas.microsoft.com/office/drawing/2014/main" id="{4C802680-7230-4FD7-840B-6D9C78990F39}"/>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2" name="テキスト ボックス 221">
          <a:extLst>
            <a:ext uri="{FF2B5EF4-FFF2-40B4-BE49-F238E27FC236}">
              <a16:creationId xmlns:a16="http://schemas.microsoft.com/office/drawing/2014/main" id="{71989C87-1E71-4418-BAB8-A5376AC30C03}"/>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a:extLst>
            <a:ext uri="{FF2B5EF4-FFF2-40B4-BE49-F238E27FC236}">
              <a16:creationId xmlns:a16="http://schemas.microsoft.com/office/drawing/2014/main" id="{8C3DC9C4-A954-4267-B4AB-67C434A24F90}"/>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4" name="テキスト ボックス 223">
          <a:extLst>
            <a:ext uri="{FF2B5EF4-FFF2-40B4-BE49-F238E27FC236}">
              <a16:creationId xmlns:a16="http://schemas.microsoft.com/office/drawing/2014/main" id="{AEFEE8B5-7120-44BF-AE1A-29A28B6FFA73}"/>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a:extLst>
            <a:ext uri="{FF2B5EF4-FFF2-40B4-BE49-F238E27FC236}">
              <a16:creationId xmlns:a16="http://schemas.microsoft.com/office/drawing/2014/main" id="{5FBBE0BB-7DA5-4291-9267-A29FE5987D95}"/>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6" name="テキスト ボックス 225">
          <a:extLst>
            <a:ext uri="{FF2B5EF4-FFF2-40B4-BE49-F238E27FC236}">
              <a16:creationId xmlns:a16="http://schemas.microsoft.com/office/drawing/2014/main" id="{4A89CE8B-03BC-489A-BCAB-9A0E010EE510}"/>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a:extLst>
            <a:ext uri="{FF2B5EF4-FFF2-40B4-BE49-F238E27FC236}">
              <a16:creationId xmlns:a16="http://schemas.microsoft.com/office/drawing/2014/main" id="{4E1D7494-A00A-467C-B3C7-13421DC24F82}"/>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8" name="テキスト ボックス 227">
          <a:extLst>
            <a:ext uri="{FF2B5EF4-FFF2-40B4-BE49-F238E27FC236}">
              <a16:creationId xmlns:a16="http://schemas.microsoft.com/office/drawing/2014/main" id="{1DA1A466-F15A-4725-9214-E7C0ED44A2FA}"/>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a:extLst>
            <a:ext uri="{FF2B5EF4-FFF2-40B4-BE49-F238E27FC236}">
              <a16:creationId xmlns:a16="http://schemas.microsoft.com/office/drawing/2014/main" id="{0B68AC4F-65C7-4AA7-B32A-6A6E6813EF1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a:extLst>
            <a:ext uri="{FF2B5EF4-FFF2-40B4-BE49-F238E27FC236}">
              <a16:creationId xmlns:a16="http://schemas.microsoft.com/office/drawing/2014/main" id="{908FFDCB-A128-4710-9A71-4F107A5176DE}"/>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a:extLst>
            <a:ext uri="{FF2B5EF4-FFF2-40B4-BE49-F238E27FC236}">
              <a16:creationId xmlns:a16="http://schemas.microsoft.com/office/drawing/2014/main" id="{04DB5504-0CC5-4A5B-8846-57CA332D4E3F}"/>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905</xdr:rowOff>
    </xdr:from>
    <xdr:to>
      <xdr:col>54</xdr:col>
      <xdr:colOff>189865</xdr:colOff>
      <xdr:row>64</xdr:row>
      <xdr:rowOff>72390</xdr:rowOff>
    </xdr:to>
    <xdr:cxnSp macro="">
      <xdr:nvCxnSpPr>
        <xdr:cNvPr id="232" name="直線コネクタ 231">
          <a:extLst>
            <a:ext uri="{FF2B5EF4-FFF2-40B4-BE49-F238E27FC236}">
              <a16:creationId xmlns:a16="http://schemas.microsoft.com/office/drawing/2014/main" id="{15C868C6-0451-4603-B9E0-9520F0078193}"/>
            </a:ext>
          </a:extLst>
        </xdr:cNvPr>
        <xdr:cNvCxnSpPr/>
      </xdr:nvCxnSpPr>
      <xdr:spPr>
        <a:xfrm flipV="1">
          <a:off x="10476865" y="9774555"/>
          <a:ext cx="0" cy="1270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217</xdr:rowOff>
    </xdr:from>
    <xdr:ext cx="469744" cy="259045"/>
    <xdr:sp macro="" textlink="">
      <xdr:nvSpPr>
        <xdr:cNvPr id="233" name="【体育館・プール】&#10;一人当たり面積最小値テキスト">
          <a:extLst>
            <a:ext uri="{FF2B5EF4-FFF2-40B4-BE49-F238E27FC236}">
              <a16:creationId xmlns:a16="http://schemas.microsoft.com/office/drawing/2014/main" id="{BAAD45A7-B948-42E4-8941-C3DA3341F113}"/>
            </a:ext>
          </a:extLst>
        </xdr:cNvPr>
        <xdr:cNvSpPr txBox="1"/>
      </xdr:nvSpPr>
      <xdr:spPr>
        <a:xfrm>
          <a:off x="10515600" y="1104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390</xdr:rowOff>
    </xdr:from>
    <xdr:to>
      <xdr:col>55</xdr:col>
      <xdr:colOff>88900</xdr:colOff>
      <xdr:row>64</xdr:row>
      <xdr:rowOff>72390</xdr:rowOff>
    </xdr:to>
    <xdr:cxnSp macro="">
      <xdr:nvCxnSpPr>
        <xdr:cNvPr id="234" name="直線コネクタ 233">
          <a:extLst>
            <a:ext uri="{FF2B5EF4-FFF2-40B4-BE49-F238E27FC236}">
              <a16:creationId xmlns:a16="http://schemas.microsoft.com/office/drawing/2014/main" id="{7B806F3D-7FAB-4D54-BB5D-8F922EA1D0BE}"/>
            </a:ext>
          </a:extLst>
        </xdr:cNvPr>
        <xdr:cNvCxnSpPr/>
      </xdr:nvCxnSpPr>
      <xdr:spPr>
        <a:xfrm>
          <a:off x="10388600" y="11045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20032</xdr:rowOff>
    </xdr:from>
    <xdr:ext cx="469744" cy="259045"/>
    <xdr:sp macro="" textlink="">
      <xdr:nvSpPr>
        <xdr:cNvPr id="235" name="【体育館・プール】&#10;一人当たり面積最大値テキスト">
          <a:extLst>
            <a:ext uri="{FF2B5EF4-FFF2-40B4-BE49-F238E27FC236}">
              <a16:creationId xmlns:a16="http://schemas.microsoft.com/office/drawing/2014/main" id="{4AA16E8F-13C4-4D4A-AF8F-60B8B2DD6385}"/>
            </a:ext>
          </a:extLst>
        </xdr:cNvPr>
        <xdr:cNvSpPr txBox="1"/>
      </xdr:nvSpPr>
      <xdr:spPr>
        <a:xfrm>
          <a:off x="10515600" y="9549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905</xdr:rowOff>
    </xdr:from>
    <xdr:to>
      <xdr:col>55</xdr:col>
      <xdr:colOff>88900</xdr:colOff>
      <xdr:row>57</xdr:row>
      <xdr:rowOff>1905</xdr:rowOff>
    </xdr:to>
    <xdr:cxnSp macro="">
      <xdr:nvCxnSpPr>
        <xdr:cNvPr id="236" name="直線コネクタ 235">
          <a:extLst>
            <a:ext uri="{FF2B5EF4-FFF2-40B4-BE49-F238E27FC236}">
              <a16:creationId xmlns:a16="http://schemas.microsoft.com/office/drawing/2014/main" id="{729D4C55-0ED2-41E3-B52A-8A8D365A0685}"/>
            </a:ext>
          </a:extLst>
        </xdr:cNvPr>
        <xdr:cNvCxnSpPr/>
      </xdr:nvCxnSpPr>
      <xdr:spPr>
        <a:xfrm>
          <a:off x="10388600" y="9774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67911</xdr:rowOff>
    </xdr:from>
    <xdr:ext cx="469744" cy="259045"/>
    <xdr:sp macro="" textlink="">
      <xdr:nvSpPr>
        <xdr:cNvPr id="237" name="【体育館・プール】&#10;一人当たり面積平均値テキスト">
          <a:extLst>
            <a:ext uri="{FF2B5EF4-FFF2-40B4-BE49-F238E27FC236}">
              <a16:creationId xmlns:a16="http://schemas.microsoft.com/office/drawing/2014/main" id="{DB2B4164-A83C-4888-ABD7-CB65ECEF8064}"/>
            </a:ext>
          </a:extLst>
        </xdr:cNvPr>
        <xdr:cNvSpPr txBox="1"/>
      </xdr:nvSpPr>
      <xdr:spPr>
        <a:xfrm>
          <a:off x="10515600" y="106263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45034</xdr:rowOff>
    </xdr:from>
    <xdr:to>
      <xdr:col>55</xdr:col>
      <xdr:colOff>50800</xdr:colOff>
      <xdr:row>63</xdr:row>
      <xdr:rowOff>75184</xdr:rowOff>
    </xdr:to>
    <xdr:sp macro="" textlink="">
      <xdr:nvSpPr>
        <xdr:cNvPr id="238" name="フローチャート: 判断 237">
          <a:extLst>
            <a:ext uri="{FF2B5EF4-FFF2-40B4-BE49-F238E27FC236}">
              <a16:creationId xmlns:a16="http://schemas.microsoft.com/office/drawing/2014/main" id="{78971EA9-DCC3-454A-BB1B-E9366EC705C3}"/>
            </a:ext>
          </a:extLst>
        </xdr:cNvPr>
        <xdr:cNvSpPr/>
      </xdr:nvSpPr>
      <xdr:spPr>
        <a:xfrm>
          <a:off x="10426700" y="10774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58750</xdr:rowOff>
    </xdr:from>
    <xdr:to>
      <xdr:col>50</xdr:col>
      <xdr:colOff>165100</xdr:colOff>
      <xdr:row>63</xdr:row>
      <xdr:rowOff>88900</xdr:rowOff>
    </xdr:to>
    <xdr:sp macro="" textlink="">
      <xdr:nvSpPr>
        <xdr:cNvPr id="239" name="フローチャート: 判断 238">
          <a:extLst>
            <a:ext uri="{FF2B5EF4-FFF2-40B4-BE49-F238E27FC236}">
              <a16:creationId xmlns:a16="http://schemas.microsoft.com/office/drawing/2014/main" id="{328134C5-E44E-4E4D-BD4E-EF2072E3D8AF}"/>
            </a:ext>
          </a:extLst>
        </xdr:cNvPr>
        <xdr:cNvSpPr/>
      </xdr:nvSpPr>
      <xdr:spPr>
        <a:xfrm>
          <a:off x="9588500" y="10788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30937</xdr:rowOff>
    </xdr:from>
    <xdr:to>
      <xdr:col>46</xdr:col>
      <xdr:colOff>38100</xdr:colOff>
      <xdr:row>63</xdr:row>
      <xdr:rowOff>61087</xdr:rowOff>
    </xdr:to>
    <xdr:sp macro="" textlink="">
      <xdr:nvSpPr>
        <xdr:cNvPr id="240" name="フローチャート: 判断 239">
          <a:extLst>
            <a:ext uri="{FF2B5EF4-FFF2-40B4-BE49-F238E27FC236}">
              <a16:creationId xmlns:a16="http://schemas.microsoft.com/office/drawing/2014/main" id="{F1E8A7B1-F362-4DCC-9DF3-93574206C434}"/>
            </a:ext>
          </a:extLst>
        </xdr:cNvPr>
        <xdr:cNvSpPr/>
      </xdr:nvSpPr>
      <xdr:spPr>
        <a:xfrm>
          <a:off x="8699500" y="10760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27508</xdr:rowOff>
    </xdr:from>
    <xdr:to>
      <xdr:col>41</xdr:col>
      <xdr:colOff>101600</xdr:colOff>
      <xdr:row>63</xdr:row>
      <xdr:rowOff>57658</xdr:rowOff>
    </xdr:to>
    <xdr:sp macro="" textlink="">
      <xdr:nvSpPr>
        <xdr:cNvPr id="241" name="フローチャート: 判断 240">
          <a:extLst>
            <a:ext uri="{FF2B5EF4-FFF2-40B4-BE49-F238E27FC236}">
              <a16:creationId xmlns:a16="http://schemas.microsoft.com/office/drawing/2014/main" id="{594F7D36-0C6A-4C99-BBB0-A9E65C68CBA7}"/>
            </a:ext>
          </a:extLst>
        </xdr:cNvPr>
        <xdr:cNvSpPr/>
      </xdr:nvSpPr>
      <xdr:spPr>
        <a:xfrm>
          <a:off x="7810500" y="1075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82931</xdr:rowOff>
    </xdr:from>
    <xdr:to>
      <xdr:col>36</xdr:col>
      <xdr:colOff>165100</xdr:colOff>
      <xdr:row>63</xdr:row>
      <xdr:rowOff>13081</xdr:rowOff>
    </xdr:to>
    <xdr:sp macro="" textlink="">
      <xdr:nvSpPr>
        <xdr:cNvPr id="242" name="フローチャート: 判断 241">
          <a:extLst>
            <a:ext uri="{FF2B5EF4-FFF2-40B4-BE49-F238E27FC236}">
              <a16:creationId xmlns:a16="http://schemas.microsoft.com/office/drawing/2014/main" id="{0EB66F3A-3232-4D84-80D1-5CC232F90FF0}"/>
            </a:ext>
          </a:extLst>
        </xdr:cNvPr>
        <xdr:cNvSpPr/>
      </xdr:nvSpPr>
      <xdr:spPr>
        <a:xfrm>
          <a:off x="6921500" y="10712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F60435B3-C142-4413-8585-372F0AAAB0AB}"/>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8F9CE300-88EE-454D-BA79-601706ABC46B}"/>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1FC3DF72-55D0-497B-94CE-BD1D57CB9F0E}"/>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BE5BE160-88C1-47E3-B6E0-75B67D78B54D}"/>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a:extLst>
            <a:ext uri="{FF2B5EF4-FFF2-40B4-BE49-F238E27FC236}">
              <a16:creationId xmlns:a16="http://schemas.microsoft.com/office/drawing/2014/main" id="{85E48DC2-7708-4D11-935A-6834E43F20E1}"/>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88265</xdr:rowOff>
    </xdr:from>
    <xdr:to>
      <xdr:col>55</xdr:col>
      <xdr:colOff>50800</xdr:colOff>
      <xdr:row>64</xdr:row>
      <xdr:rowOff>18415</xdr:rowOff>
    </xdr:to>
    <xdr:sp macro="" textlink="">
      <xdr:nvSpPr>
        <xdr:cNvPr id="248" name="楕円 247">
          <a:extLst>
            <a:ext uri="{FF2B5EF4-FFF2-40B4-BE49-F238E27FC236}">
              <a16:creationId xmlns:a16="http://schemas.microsoft.com/office/drawing/2014/main" id="{60DCE344-43FF-4535-86F8-DD032D651BBC}"/>
            </a:ext>
          </a:extLst>
        </xdr:cNvPr>
        <xdr:cNvSpPr/>
      </xdr:nvSpPr>
      <xdr:spPr>
        <a:xfrm>
          <a:off x="10426700" y="10889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3192</xdr:rowOff>
    </xdr:from>
    <xdr:ext cx="469744" cy="259045"/>
    <xdr:sp macro="" textlink="">
      <xdr:nvSpPr>
        <xdr:cNvPr id="249" name="【体育館・プール】&#10;一人当たり面積該当値テキスト">
          <a:extLst>
            <a:ext uri="{FF2B5EF4-FFF2-40B4-BE49-F238E27FC236}">
              <a16:creationId xmlns:a16="http://schemas.microsoft.com/office/drawing/2014/main" id="{783ECC43-6046-406B-9C91-79C00FD3E18C}"/>
            </a:ext>
          </a:extLst>
        </xdr:cNvPr>
        <xdr:cNvSpPr txBox="1"/>
      </xdr:nvSpPr>
      <xdr:spPr>
        <a:xfrm>
          <a:off x="10515600" y="10804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0170</xdr:rowOff>
    </xdr:from>
    <xdr:to>
      <xdr:col>50</xdr:col>
      <xdr:colOff>165100</xdr:colOff>
      <xdr:row>64</xdr:row>
      <xdr:rowOff>20320</xdr:rowOff>
    </xdr:to>
    <xdr:sp macro="" textlink="">
      <xdr:nvSpPr>
        <xdr:cNvPr id="250" name="楕円 249">
          <a:extLst>
            <a:ext uri="{FF2B5EF4-FFF2-40B4-BE49-F238E27FC236}">
              <a16:creationId xmlns:a16="http://schemas.microsoft.com/office/drawing/2014/main" id="{B9343093-D8D1-48D4-B5CA-4172657E81BD}"/>
            </a:ext>
          </a:extLst>
        </xdr:cNvPr>
        <xdr:cNvSpPr/>
      </xdr:nvSpPr>
      <xdr:spPr>
        <a:xfrm>
          <a:off x="9588500" y="1089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39065</xdr:rowOff>
    </xdr:from>
    <xdr:to>
      <xdr:col>55</xdr:col>
      <xdr:colOff>0</xdr:colOff>
      <xdr:row>63</xdr:row>
      <xdr:rowOff>140970</xdr:rowOff>
    </xdr:to>
    <xdr:cxnSp macro="">
      <xdr:nvCxnSpPr>
        <xdr:cNvPr id="251" name="直線コネクタ 250">
          <a:extLst>
            <a:ext uri="{FF2B5EF4-FFF2-40B4-BE49-F238E27FC236}">
              <a16:creationId xmlns:a16="http://schemas.microsoft.com/office/drawing/2014/main" id="{BB0E862D-792D-4AF8-B1E4-65F47AAAAFCF}"/>
            </a:ext>
          </a:extLst>
        </xdr:cNvPr>
        <xdr:cNvCxnSpPr/>
      </xdr:nvCxnSpPr>
      <xdr:spPr>
        <a:xfrm flipV="1">
          <a:off x="9639300" y="10940415"/>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1694</xdr:rowOff>
    </xdr:from>
    <xdr:to>
      <xdr:col>46</xdr:col>
      <xdr:colOff>38100</xdr:colOff>
      <xdr:row>64</xdr:row>
      <xdr:rowOff>21844</xdr:rowOff>
    </xdr:to>
    <xdr:sp macro="" textlink="">
      <xdr:nvSpPr>
        <xdr:cNvPr id="252" name="楕円 251">
          <a:extLst>
            <a:ext uri="{FF2B5EF4-FFF2-40B4-BE49-F238E27FC236}">
              <a16:creationId xmlns:a16="http://schemas.microsoft.com/office/drawing/2014/main" id="{3211E816-A227-4F5A-8E20-869AA0360CCA}"/>
            </a:ext>
          </a:extLst>
        </xdr:cNvPr>
        <xdr:cNvSpPr/>
      </xdr:nvSpPr>
      <xdr:spPr>
        <a:xfrm>
          <a:off x="8699500" y="10893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0970</xdr:rowOff>
    </xdr:from>
    <xdr:to>
      <xdr:col>50</xdr:col>
      <xdr:colOff>114300</xdr:colOff>
      <xdr:row>63</xdr:row>
      <xdr:rowOff>142494</xdr:rowOff>
    </xdr:to>
    <xdr:cxnSp macro="">
      <xdr:nvCxnSpPr>
        <xdr:cNvPr id="253" name="直線コネクタ 252">
          <a:extLst>
            <a:ext uri="{FF2B5EF4-FFF2-40B4-BE49-F238E27FC236}">
              <a16:creationId xmlns:a16="http://schemas.microsoft.com/office/drawing/2014/main" id="{6559E31D-D4CC-4231-9012-2DE632A59822}"/>
            </a:ext>
          </a:extLst>
        </xdr:cNvPr>
        <xdr:cNvCxnSpPr/>
      </xdr:nvCxnSpPr>
      <xdr:spPr>
        <a:xfrm flipV="1">
          <a:off x="8750300" y="10942320"/>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3599</xdr:rowOff>
    </xdr:from>
    <xdr:to>
      <xdr:col>41</xdr:col>
      <xdr:colOff>101600</xdr:colOff>
      <xdr:row>64</xdr:row>
      <xdr:rowOff>23749</xdr:rowOff>
    </xdr:to>
    <xdr:sp macro="" textlink="">
      <xdr:nvSpPr>
        <xdr:cNvPr id="254" name="楕円 253">
          <a:extLst>
            <a:ext uri="{FF2B5EF4-FFF2-40B4-BE49-F238E27FC236}">
              <a16:creationId xmlns:a16="http://schemas.microsoft.com/office/drawing/2014/main" id="{901674A1-FF96-4CC2-BDD6-0B4471C87C1F}"/>
            </a:ext>
          </a:extLst>
        </xdr:cNvPr>
        <xdr:cNvSpPr/>
      </xdr:nvSpPr>
      <xdr:spPr>
        <a:xfrm>
          <a:off x="7810500" y="10894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42494</xdr:rowOff>
    </xdr:from>
    <xdr:to>
      <xdr:col>45</xdr:col>
      <xdr:colOff>177800</xdr:colOff>
      <xdr:row>63</xdr:row>
      <xdr:rowOff>144399</xdr:rowOff>
    </xdr:to>
    <xdr:cxnSp macro="">
      <xdr:nvCxnSpPr>
        <xdr:cNvPr id="255" name="直線コネクタ 254">
          <a:extLst>
            <a:ext uri="{FF2B5EF4-FFF2-40B4-BE49-F238E27FC236}">
              <a16:creationId xmlns:a16="http://schemas.microsoft.com/office/drawing/2014/main" id="{26726AE0-A5F9-41AA-81AE-A1CF9BE47FBA}"/>
            </a:ext>
          </a:extLst>
        </xdr:cNvPr>
        <xdr:cNvCxnSpPr/>
      </xdr:nvCxnSpPr>
      <xdr:spPr>
        <a:xfrm flipV="1">
          <a:off x="7861300" y="10943844"/>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5123</xdr:rowOff>
    </xdr:from>
    <xdr:to>
      <xdr:col>36</xdr:col>
      <xdr:colOff>165100</xdr:colOff>
      <xdr:row>64</xdr:row>
      <xdr:rowOff>25273</xdr:rowOff>
    </xdr:to>
    <xdr:sp macro="" textlink="">
      <xdr:nvSpPr>
        <xdr:cNvPr id="256" name="楕円 255">
          <a:extLst>
            <a:ext uri="{FF2B5EF4-FFF2-40B4-BE49-F238E27FC236}">
              <a16:creationId xmlns:a16="http://schemas.microsoft.com/office/drawing/2014/main" id="{40F64F78-0832-4D17-B0BC-DA0CA32C6117}"/>
            </a:ext>
          </a:extLst>
        </xdr:cNvPr>
        <xdr:cNvSpPr/>
      </xdr:nvSpPr>
      <xdr:spPr>
        <a:xfrm>
          <a:off x="6921500" y="10896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44399</xdr:rowOff>
    </xdr:from>
    <xdr:to>
      <xdr:col>41</xdr:col>
      <xdr:colOff>50800</xdr:colOff>
      <xdr:row>63</xdr:row>
      <xdr:rowOff>145923</xdr:rowOff>
    </xdr:to>
    <xdr:cxnSp macro="">
      <xdr:nvCxnSpPr>
        <xdr:cNvPr id="257" name="直線コネクタ 256">
          <a:extLst>
            <a:ext uri="{FF2B5EF4-FFF2-40B4-BE49-F238E27FC236}">
              <a16:creationId xmlns:a16="http://schemas.microsoft.com/office/drawing/2014/main" id="{53FF2846-E705-45A5-A179-319AA9909E4A}"/>
            </a:ext>
          </a:extLst>
        </xdr:cNvPr>
        <xdr:cNvCxnSpPr/>
      </xdr:nvCxnSpPr>
      <xdr:spPr>
        <a:xfrm flipV="1">
          <a:off x="6972300" y="10945749"/>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05427</xdr:rowOff>
    </xdr:from>
    <xdr:ext cx="469744" cy="259045"/>
    <xdr:sp macro="" textlink="">
      <xdr:nvSpPr>
        <xdr:cNvPr id="258" name="n_1aveValue【体育館・プール】&#10;一人当たり面積">
          <a:extLst>
            <a:ext uri="{FF2B5EF4-FFF2-40B4-BE49-F238E27FC236}">
              <a16:creationId xmlns:a16="http://schemas.microsoft.com/office/drawing/2014/main" id="{C679C735-71DF-4523-8EC2-C4D5A3ED9302}"/>
            </a:ext>
          </a:extLst>
        </xdr:cNvPr>
        <xdr:cNvSpPr txBox="1"/>
      </xdr:nvSpPr>
      <xdr:spPr>
        <a:xfrm>
          <a:off x="9391727" y="10563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77614</xdr:rowOff>
    </xdr:from>
    <xdr:ext cx="469744" cy="259045"/>
    <xdr:sp macro="" textlink="">
      <xdr:nvSpPr>
        <xdr:cNvPr id="259" name="n_2aveValue【体育館・プール】&#10;一人当たり面積">
          <a:extLst>
            <a:ext uri="{FF2B5EF4-FFF2-40B4-BE49-F238E27FC236}">
              <a16:creationId xmlns:a16="http://schemas.microsoft.com/office/drawing/2014/main" id="{77E8438F-EA2E-4E58-9199-695634277510}"/>
            </a:ext>
          </a:extLst>
        </xdr:cNvPr>
        <xdr:cNvSpPr txBox="1"/>
      </xdr:nvSpPr>
      <xdr:spPr>
        <a:xfrm>
          <a:off x="8515427" y="10536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74185</xdr:rowOff>
    </xdr:from>
    <xdr:ext cx="469744" cy="259045"/>
    <xdr:sp macro="" textlink="">
      <xdr:nvSpPr>
        <xdr:cNvPr id="260" name="n_3aveValue【体育館・プール】&#10;一人当たり面積">
          <a:extLst>
            <a:ext uri="{FF2B5EF4-FFF2-40B4-BE49-F238E27FC236}">
              <a16:creationId xmlns:a16="http://schemas.microsoft.com/office/drawing/2014/main" id="{79F56DFF-2B78-40EB-A1FE-43FFDCDD301E}"/>
            </a:ext>
          </a:extLst>
        </xdr:cNvPr>
        <xdr:cNvSpPr txBox="1"/>
      </xdr:nvSpPr>
      <xdr:spPr>
        <a:xfrm>
          <a:off x="7626427" y="10532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29608</xdr:rowOff>
    </xdr:from>
    <xdr:ext cx="469744" cy="259045"/>
    <xdr:sp macro="" textlink="">
      <xdr:nvSpPr>
        <xdr:cNvPr id="261" name="n_4aveValue【体育館・プール】&#10;一人当たり面積">
          <a:extLst>
            <a:ext uri="{FF2B5EF4-FFF2-40B4-BE49-F238E27FC236}">
              <a16:creationId xmlns:a16="http://schemas.microsoft.com/office/drawing/2014/main" id="{4E652FDA-8A3F-4ED1-81AB-37E93BD88860}"/>
            </a:ext>
          </a:extLst>
        </xdr:cNvPr>
        <xdr:cNvSpPr txBox="1"/>
      </xdr:nvSpPr>
      <xdr:spPr>
        <a:xfrm>
          <a:off x="6737427" y="10488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11447</xdr:rowOff>
    </xdr:from>
    <xdr:ext cx="469744" cy="259045"/>
    <xdr:sp macro="" textlink="">
      <xdr:nvSpPr>
        <xdr:cNvPr id="262" name="n_1mainValue【体育館・プール】&#10;一人当たり面積">
          <a:extLst>
            <a:ext uri="{FF2B5EF4-FFF2-40B4-BE49-F238E27FC236}">
              <a16:creationId xmlns:a16="http://schemas.microsoft.com/office/drawing/2014/main" id="{B9318D44-6F76-4BD2-8574-437B784280A2}"/>
            </a:ext>
          </a:extLst>
        </xdr:cNvPr>
        <xdr:cNvSpPr txBox="1"/>
      </xdr:nvSpPr>
      <xdr:spPr>
        <a:xfrm>
          <a:off x="9391727" y="1098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12971</xdr:rowOff>
    </xdr:from>
    <xdr:ext cx="469744" cy="259045"/>
    <xdr:sp macro="" textlink="">
      <xdr:nvSpPr>
        <xdr:cNvPr id="263" name="n_2mainValue【体育館・プール】&#10;一人当たり面積">
          <a:extLst>
            <a:ext uri="{FF2B5EF4-FFF2-40B4-BE49-F238E27FC236}">
              <a16:creationId xmlns:a16="http://schemas.microsoft.com/office/drawing/2014/main" id="{C49DF267-6FCA-440F-941C-773DFAA12858}"/>
            </a:ext>
          </a:extLst>
        </xdr:cNvPr>
        <xdr:cNvSpPr txBox="1"/>
      </xdr:nvSpPr>
      <xdr:spPr>
        <a:xfrm>
          <a:off x="8515427" y="10985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14876</xdr:rowOff>
    </xdr:from>
    <xdr:ext cx="469744" cy="259045"/>
    <xdr:sp macro="" textlink="">
      <xdr:nvSpPr>
        <xdr:cNvPr id="264" name="n_3mainValue【体育館・プール】&#10;一人当たり面積">
          <a:extLst>
            <a:ext uri="{FF2B5EF4-FFF2-40B4-BE49-F238E27FC236}">
              <a16:creationId xmlns:a16="http://schemas.microsoft.com/office/drawing/2014/main" id="{FC21D3C1-2439-4F06-AA05-9F91E66D4CA0}"/>
            </a:ext>
          </a:extLst>
        </xdr:cNvPr>
        <xdr:cNvSpPr txBox="1"/>
      </xdr:nvSpPr>
      <xdr:spPr>
        <a:xfrm>
          <a:off x="7626427" y="109876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16400</xdr:rowOff>
    </xdr:from>
    <xdr:ext cx="469744" cy="259045"/>
    <xdr:sp macro="" textlink="">
      <xdr:nvSpPr>
        <xdr:cNvPr id="265" name="n_4mainValue【体育館・プール】&#10;一人当たり面積">
          <a:extLst>
            <a:ext uri="{FF2B5EF4-FFF2-40B4-BE49-F238E27FC236}">
              <a16:creationId xmlns:a16="http://schemas.microsoft.com/office/drawing/2014/main" id="{992E55FE-2629-4B20-AED6-F3A934284295}"/>
            </a:ext>
          </a:extLst>
        </xdr:cNvPr>
        <xdr:cNvSpPr txBox="1"/>
      </xdr:nvSpPr>
      <xdr:spPr>
        <a:xfrm>
          <a:off x="6737427" y="109892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a:extLst>
            <a:ext uri="{FF2B5EF4-FFF2-40B4-BE49-F238E27FC236}">
              <a16:creationId xmlns:a16="http://schemas.microsoft.com/office/drawing/2014/main" id="{5D8072B3-87C5-412B-9CF1-8CAE7ADEA5EE}"/>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a:extLst>
            <a:ext uri="{FF2B5EF4-FFF2-40B4-BE49-F238E27FC236}">
              <a16:creationId xmlns:a16="http://schemas.microsoft.com/office/drawing/2014/main" id="{461D0A47-65FD-41A0-9187-A78BB13FA59A}"/>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a:extLst>
            <a:ext uri="{FF2B5EF4-FFF2-40B4-BE49-F238E27FC236}">
              <a16:creationId xmlns:a16="http://schemas.microsoft.com/office/drawing/2014/main" id="{C16EFBEB-55E9-4D8E-9747-F16BDB96729F}"/>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a:extLst>
            <a:ext uri="{FF2B5EF4-FFF2-40B4-BE49-F238E27FC236}">
              <a16:creationId xmlns:a16="http://schemas.microsoft.com/office/drawing/2014/main" id="{2ABA8663-4792-49F4-A211-22B0DE15187D}"/>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a:extLst>
            <a:ext uri="{FF2B5EF4-FFF2-40B4-BE49-F238E27FC236}">
              <a16:creationId xmlns:a16="http://schemas.microsoft.com/office/drawing/2014/main" id="{6F062163-6785-43F3-AD8C-B0CDE51E4D33}"/>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a:extLst>
            <a:ext uri="{FF2B5EF4-FFF2-40B4-BE49-F238E27FC236}">
              <a16:creationId xmlns:a16="http://schemas.microsoft.com/office/drawing/2014/main" id="{29C52288-3933-4DDF-8169-2407AD9AFD31}"/>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a:extLst>
            <a:ext uri="{FF2B5EF4-FFF2-40B4-BE49-F238E27FC236}">
              <a16:creationId xmlns:a16="http://schemas.microsoft.com/office/drawing/2014/main" id="{ECD67950-09F0-4320-B038-CE4F6BF7F55E}"/>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a:extLst>
            <a:ext uri="{FF2B5EF4-FFF2-40B4-BE49-F238E27FC236}">
              <a16:creationId xmlns:a16="http://schemas.microsoft.com/office/drawing/2014/main" id="{937AD699-2AB2-45A2-8FD8-9F000FA13997}"/>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a:extLst>
            <a:ext uri="{FF2B5EF4-FFF2-40B4-BE49-F238E27FC236}">
              <a16:creationId xmlns:a16="http://schemas.microsoft.com/office/drawing/2014/main" id="{EB60AF2B-D8A6-4782-80B7-2D94C5A48E81}"/>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a:extLst>
            <a:ext uri="{FF2B5EF4-FFF2-40B4-BE49-F238E27FC236}">
              <a16:creationId xmlns:a16="http://schemas.microsoft.com/office/drawing/2014/main" id="{26404CBA-4083-4D86-AFC9-FC0FE3BD1D1D}"/>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6" name="テキスト ボックス 275">
          <a:extLst>
            <a:ext uri="{FF2B5EF4-FFF2-40B4-BE49-F238E27FC236}">
              <a16:creationId xmlns:a16="http://schemas.microsoft.com/office/drawing/2014/main" id="{04D4FB17-3BAF-433B-8D1B-650028984597}"/>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7" name="直線コネクタ 276">
          <a:extLst>
            <a:ext uri="{FF2B5EF4-FFF2-40B4-BE49-F238E27FC236}">
              <a16:creationId xmlns:a16="http://schemas.microsoft.com/office/drawing/2014/main" id="{040632C6-9B5D-4F32-928A-AA6037D97894}"/>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8" name="テキスト ボックス 277">
          <a:extLst>
            <a:ext uri="{FF2B5EF4-FFF2-40B4-BE49-F238E27FC236}">
              <a16:creationId xmlns:a16="http://schemas.microsoft.com/office/drawing/2014/main" id="{6D258193-1E5F-4EDB-9C5D-026EB1B92B7A}"/>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9" name="直線コネクタ 278">
          <a:extLst>
            <a:ext uri="{FF2B5EF4-FFF2-40B4-BE49-F238E27FC236}">
              <a16:creationId xmlns:a16="http://schemas.microsoft.com/office/drawing/2014/main" id="{ABC61DFF-17D8-496D-B669-CEA32629E421}"/>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80" name="テキスト ボックス 279">
          <a:extLst>
            <a:ext uri="{FF2B5EF4-FFF2-40B4-BE49-F238E27FC236}">
              <a16:creationId xmlns:a16="http://schemas.microsoft.com/office/drawing/2014/main" id="{C92653CB-7EE4-40F6-9ECE-40EE8E9C4859}"/>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1" name="直線コネクタ 280">
          <a:extLst>
            <a:ext uri="{FF2B5EF4-FFF2-40B4-BE49-F238E27FC236}">
              <a16:creationId xmlns:a16="http://schemas.microsoft.com/office/drawing/2014/main" id="{BD3F5FD9-1895-4BE6-ABC0-47C842EE4A56}"/>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2" name="テキスト ボックス 281">
          <a:extLst>
            <a:ext uri="{FF2B5EF4-FFF2-40B4-BE49-F238E27FC236}">
              <a16:creationId xmlns:a16="http://schemas.microsoft.com/office/drawing/2014/main" id="{A2916DDB-A664-49BD-959D-A5CC8FA133EB}"/>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3" name="直線コネクタ 282">
          <a:extLst>
            <a:ext uri="{FF2B5EF4-FFF2-40B4-BE49-F238E27FC236}">
              <a16:creationId xmlns:a16="http://schemas.microsoft.com/office/drawing/2014/main" id="{2BBAF1BE-14BD-4EBF-980D-E6DE04F72536}"/>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4" name="テキスト ボックス 283">
          <a:extLst>
            <a:ext uri="{FF2B5EF4-FFF2-40B4-BE49-F238E27FC236}">
              <a16:creationId xmlns:a16="http://schemas.microsoft.com/office/drawing/2014/main" id="{00FF12C0-1E99-4744-A72F-3CF83F36A38A}"/>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5" name="直線コネクタ 284">
          <a:extLst>
            <a:ext uri="{FF2B5EF4-FFF2-40B4-BE49-F238E27FC236}">
              <a16:creationId xmlns:a16="http://schemas.microsoft.com/office/drawing/2014/main" id="{D2605B27-CA35-4346-93F0-47DA1701380E}"/>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6" name="テキスト ボックス 285">
          <a:extLst>
            <a:ext uri="{FF2B5EF4-FFF2-40B4-BE49-F238E27FC236}">
              <a16:creationId xmlns:a16="http://schemas.microsoft.com/office/drawing/2014/main" id="{6851C519-628D-4291-B9D0-DBDDD9365E3E}"/>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7" name="直線コネクタ 286">
          <a:extLst>
            <a:ext uri="{FF2B5EF4-FFF2-40B4-BE49-F238E27FC236}">
              <a16:creationId xmlns:a16="http://schemas.microsoft.com/office/drawing/2014/main" id="{2CDF2CA4-BFD0-4762-9908-3BA868D58595}"/>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8" name="テキスト ボックス 287">
          <a:extLst>
            <a:ext uri="{FF2B5EF4-FFF2-40B4-BE49-F238E27FC236}">
              <a16:creationId xmlns:a16="http://schemas.microsoft.com/office/drawing/2014/main" id="{FFE9C274-5309-49F6-80CF-5C5F0C373F03}"/>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9" name="直線コネクタ 288">
          <a:extLst>
            <a:ext uri="{FF2B5EF4-FFF2-40B4-BE49-F238E27FC236}">
              <a16:creationId xmlns:a16="http://schemas.microsoft.com/office/drawing/2014/main" id="{291FF331-5D89-4661-9980-BA4EBB3E11AE}"/>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90" name="【福祉施設】&#10;有形固定資産減価償却率グラフ枠">
          <a:extLst>
            <a:ext uri="{FF2B5EF4-FFF2-40B4-BE49-F238E27FC236}">
              <a16:creationId xmlns:a16="http://schemas.microsoft.com/office/drawing/2014/main" id="{C3464C2F-89F9-46F3-BFF9-CC92EC7A40AC}"/>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168729</xdr:rowOff>
    </xdr:to>
    <xdr:cxnSp macro="">
      <xdr:nvCxnSpPr>
        <xdr:cNvPr id="291" name="直線コネクタ 290">
          <a:extLst>
            <a:ext uri="{FF2B5EF4-FFF2-40B4-BE49-F238E27FC236}">
              <a16:creationId xmlns:a16="http://schemas.microsoft.com/office/drawing/2014/main" id="{8D94835E-53A1-4E40-8F9C-E869DF6BD54B}"/>
            </a:ext>
          </a:extLst>
        </xdr:cNvPr>
        <xdr:cNvCxnSpPr/>
      </xdr:nvCxnSpPr>
      <xdr:spPr>
        <a:xfrm flipV="1">
          <a:off x="4634865" y="13422630"/>
          <a:ext cx="0"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2" name="【福祉施設】&#10;有形固定資産減価償却率最小値テキスト">
          <a:extLst>
            <a:ext uri="{FF2B5EF4-FFF2-40B4-BE49-F238E27FC236}">
              <a16:creationId xmlns:a16="http://schemas.microsoft.com/office/drawing/2014/main" id="{02F02E69-44D7-40CF-9105-287369E63202}"/>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3" name="直線コネクタ 292">
          <a:extLst>
            <a:ext uri="{FF2B5EF4-FFF2-40B4-BE49-F238E27FC236}">
              <a16:creationId xmlns:a16="http://schemas.microsoft.com/office/drawing/2014/main" id="{289E4727-49C4-4B0F-AA9D-B30C02D83D79}"/>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340478" cy="259045"/>
    <xdr:sp macro="" textlink="">
      <xdr:nvSpPr>
        <xdr:cNvPr id="294" name="【福祉施設】&#10;有形固定資産減価償却率最大値テキスト">
          <a:extLst>
            <a:ext uri="{FF2B5EF4-FFF2-40B4-BE49-F238E27FC236}">
              <a16:creationId xmlns:a16="http://schemas.microsoft.com/office/drawing/2014/main" id="{85B572C0-2A61-482A-8090-07C7B15A3B5F}"/>
            </a:ext>
          </a:extLst>
        </xdr:cNvPr>
        <xdr:cNvSpPr txBox="1"/>
      </xdr:nvSpPr>
      <xdr:spPr>
        <a:xfrm>
          <a:off x="4673600" y="1319785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95" name="直線コネクタ 294">
          <a:extLst>
            <a:ext uri="{FF2B5EF4-FFF2-40B4-BE49-F238E27FC236}">
              <a16:creationId xmlns:a16="http://schemas.microsoft.com/office/drawing/2014/main" id="{2706D4A9-1E7A-4E42-B3FB-4E844C312E77}"/>
            </a:ext>
          </a:extLst>
        </xdr:cNvPr>
        <xdr:cNvCxnSpPr/>
      </xdr:nvCxnSpPr>
      <xdr:spPr>
        <a:xfrm>
          <a:off x="4546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99984</xdr:rowOff>
    </xdr:from>
    <xdr:ext cx="405111" cy="259045"/>
    <xdr:sp macro="" textlink="">
      <xdr:nvSpPr>
        <xdr:cNvPr id="296" name="【福祉施設】&#10;有形固定資産減価償却率平均値テキスト">
          <a:extLst>
            <a:ext uri="{FF2B5EF4-FFF2-40B4-BE49-F238E27FC236}">
              <a16:creationId xmlns:a16="http://schemas.microsoft.com/office/drawing/2014/main" id="{7A32856B-6AB7-4E31-A2EA-DD4ACC0CA94D}"/>
            </a:ext>
          </a:extLst>
        </xdr:cNvPr>
        <xdr:cNvSpPr txBox="1"/>
      </xdr:nvSpPr>
      <xdr:spPr>
        <a:xfrm>
          <a:off x="4673600" y="141588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77107</xdr:rowOff>
    </xdr:from>
    <xdr:to>
      <xdr:col>24</xdr:col>
      <xdr:colOff>114300</xdr:colOff>
      <xdr:row>84</xdr:row>
      <xdr:rowOff>7257</xdr:rowOff>
    </xdr:to>
    <xdr:sp macro="" textlink="">
      <xdr:nvSpPr>
        <xdr:cNvPr id="297" name="フローチャート: 判断 296">
          <a:extLst>
            <a:ext uri="{FF2B5EF4-FFF2-40B4-BE49-F238E27FC236}">
              <a16:creationId xmlns:a16="http://schemas.microsoft.com/office/drawing/2014/main" id="{3A9E8460-D769-47A6-B840-8EF21669322B}"/>
            </a:ext>
          </a:extLst>
        </xdr:cNvPr>
        <xdr:cNvSpPr/>
      </xdr:nvSpPr>
      <xdr:spPr>
        <a:xfrm>
          <a:off x="4584700" y="1430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37919</xdr:rowOff>
    </xdr:from>
    <xdr:to>
      <xdr:col>20</xdr:col>
      <xdr:colOff>38100</xdr:colOff>
      <xdr:row>83</xdr:row>
      <xdr:rowOff>139519</xdr:rowOff>
    </xdr:to>
    <xdr:sp macro="" textlink="">
      <xdr:nvSpPr>
        <xdr:cNvPr id="298" name="フローチャート: 判断 297">
          <a:extLst>
            <a:ext uri="{FF2B5EF4-FFF2-40B4-BE49-F238E27FC236}">
              <a16:creationId xmlns:a16="http://schemas.microsoft.com/office/drawing/2014/main" id="{7DFC37D8-CD16-4C2A-BA3B-114348EC663C}"/>
            </a:ext>
          </a:extLst>
        </xdr:cNvPr>
        <xdr:cNvSpPr/>
      </xdr:nvSpPr>
      <xdr:spPr>
        <a:xfrm>
          <a:off x="3746500" y="1426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4450</xdr:rowOff>
    </xdr:from>
    <xdr:to>
      <xdr:col>15</xdr:col>
      <xdr:colOff>101600</xdr:colOff>
      <xdr:row>83</xdr:row>
      <xdr:rowOff>146050</xdr:rowOff>
    </xdr:to>
    <xdr:sp macro="" textlink="">
      <xdr:nvSpPr>
        <xdr:cNvPr id="299" name="フローチャート: 判断 298">
          <a:extLst>
            <a:ext uri="{FF2B5EF4-FFF2-40B4-BE49-F238E27FC236}">
              <a16:creationId xmlns:a16="http://schemas.microsoft.com/office/drawing/2014/main" id="{59DF3BBE-899E-4687-A177-4ACB58E4E991}"/>
            </a:ext>
          </a:extLst>
        </xdr:cNvPr>
        <xdr:cNvSpPr/>
      </xdr:nvSpPr>
      <xdr:spPr>
        <a:xfrm>
          <a:off x="2857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28121</xdr:rowOff>
    </xdr:from>
    <xdr:to>
      <xdr:col>10</xdr:col>
      <xdr:colOff>165100</xdr:colOff>
      <xdr:row>83</xdr:row>
      <xdr:rowOff>129721</xdr:rowOff>
    </xdr:to>
    <xdr:sp macro="" textlink="">
      <xdr:nvSpPr>
        <xdr:cNvPr id="300" name="フローチャート: 判断 299">
          <a:extLst>
            <a:ext uri="{FF2B5EF4-FFF2-40B4-BE49-F238E27FC236}">
              <a16:creationId xmlns:a16="http://schemas.microsoft.com/office/drawing/2014/main" id="{99675AC0-1E74-49DC-A8DC-21112B226BBA}"/>
            </a:ext>
          </a:extLst>
        </xdr:cNvPr>
        <xdr:cNvSpPr/>
      </xdr:nvSpPr>
      <xdr:spPr>
        <a:xfrm>
          <a:off x="1968500" y="14258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72208</xdr:rowOff>
    </xdr:from>
    <xdr:to>
      <xdr:col>6</xdr:col>
      <xdr:colOff>38100</xdr:colOff>
      <xdr:row>84</xdr:row>
      <xdr:rowOff>2358</xdr:rowOff>
    </xdr:to>
    <xdr:sp macro="" textlink="">
      <xdr:nvSpPr>
        <xdr:cNvPr id="301" name="フローチャート: 判断 300">
          <a:extLst>
            <a:ext uri="{FF2B5EF4-FFF2-40B4-BE49-F238E27FC236}">
              <a16:creationId xmlns:a16="http://schemas.microsoft.com/office/drawing/2014/main" id="{848D245D-A8B8-405D-B2DE-14C7E00C5E54}"/>
            </a:ext>
          </a:extLst>
        </xdr:cNvPr>
        <xdr:cNvSpPr/>
      </xdr:nvSpPr>
      <xdr:spPr>
        <a:xfrm>
          <a:off x="1079500" y="14302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6EE3CA6D-D786-4D15-B577-60504B8971E5}"/>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939F7DC1-ED3B-44FC-95AE-026237FF790A}"/>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9A9CDF17-2EAE-4345-9F75-D24177E69296}"/>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5" name="テキスト ボックス 304">
          <a:extLst>
            <a:ext uri="{FF2B5EF4-FFF2-40B4-BE49-F238E27FC236}">
              <a16:creationId xmlns:a16="http://schemas.microsoft.com/office/drawing/2014/main" id="{29C51FBA-0394-43EB-A13A-F05F8E393B6D}"/>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6" name="テキスト ボックス 305">
          <a:extLst>
            <a:ext uri="{FF2B5EF4-FFF2-40B4-BE49-F238E27FC236}">
              <a16:creationId xmlns:a16="http://schemas.microsoft.com/office/drawing/2014/main" id="{9325B519-5443-4971-9968-654208D8EED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73842</xdr:rowOff>
    </xdr:from>
    <xdr:to>
      <xdr:col>24</xdr:col>
      <xdr:colOff>114300</xdr:colOff>
      <xdr:row>85</xdr:row>
      <xdr:rowOff>3992</xdr:rowOff>
    </xdr:to>
    <xdr:sp macro="" textlink="">
      <xdr:nvSpPr>
        <xdr:cNvPr id="307" name="楕円 306">
          <a:extLst>
            <a:ext uri="{FF2B5EF4-FFF2-40B4-BE49-F238E27FC236}">
              <a16:creationId xmlns:a16="http://schemas.microsoft.com/office/drawing/2014/main" id="{FC8A53FC-B0DB-428D-876E-D882964BC77A}"/>
            </a:ext>
          </a:extLst>
        </xdr:cNvPr>
        <xdr:cNvSpPr/>
      </xdr:nvSpPr>
      <xdr:spPr>
        <a:xfrm>
          <a:off x="4584700" y="14475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52269</xdr:rowOff>
    </xdr:from>
    <xdr:ext cx="405111" cy="259045"/>
    <xdr:sp macro="" textlink="">
      <xdr:nvSpPr>
        <xdr:cNvPr id="308" name="【福祉施設】&#10;有形固定資産減価償却率該当値テキスト">
          <a:extLst>
            <a:ext uri="{FF2B5EF4-FFF2-40B4-BE49-F238E27FC236}">
              <a16:creationId xmlns:a16="http://schemas.microsoft.com/office/drawing/2014/main" id="{05217DF2-90A1-4030-8EAF-963EF1CB5B76}"/>
            </a:ext>
          </a:extLst>
        </xdr:cNvPr>
        <xdr:cNvSpPr txBox="1"/>
      </xdr:nvSpPr>
      <xdr:spPr>
        <a:xfrm>
          <a:off x="4673600" y="14454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41184</xdr:rowOff>
    </xdr:from>
    <xdr:to>
      <xdr:col>20</xdr:col>
      <xdr:colOff>38100</xdr:colOff>
      <xdr:row>84</xdr:row>
      <xdr:rowOff>142784</xdr:rowOff>
    </xdr:to>
    <xdr:sp macro="" textlink="">
      <xdr:nvSpPr>
        <xdr:cNvPr id="309" name="楕円 308">
          <a:extLst>
            <a:ext uri="{FF2B5EF4-FFF2-40B4-BE49-F238E27FC236}">
              <a16:creationId xmlns:a16="http://schemas.microsoft.com/office/drawing/2014/main" id="{AE0C94ED-A6E0-4C51-AD2E-CF1120FE1447}"/>
            </a:ext>
          </a:extLst>
        </xdr:cNvPr>
        <xdr:cNvSpPr/>
      </xdr:nvSpPr>
      <xdr:spPr>
        <a:xfrm>
          <a:off x="3746500" y="14442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91984</xdr:rowOff>
    </xdr:from>
    <xdr:to>
      <xdr:col>24</xdr:col>
      <xdr:colOff>63500</xdr:colOff>
      <xdr:row>84</xdr:row>
      <xdr:rowOff>124642</xdr:rowOff>
    </xdr:to>
    <xdr:cxnSp macro="">
      <xdr:nvCxnSpPr>
        <xdr:cNvPr id="310" name="直線コネクタ 309">
          <a:extLst>
            <a:ext uri="{FF2B5EF4-FFF2-40B4-BE49-F238E27FC236}">
              <a16:creationId xmlns:a16="http://schemas.microsoft.com/office/drawing/2014/main" id="{C64D3B58-86F4-40D0-8290-FEFA02AD11D0}"/>
            </a:ext>
          </a:extLst>
        </xdr:cNvPr>
        <xdr:cNvCxnSpPr/>
      </xdr:nvCxnSpPr>
      <xdr:spPr>
        <a:xfrm>
          <a:off x="3797300" y="14493784"/>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10161</xdr:rowOff>
    </xdr:from>
    <xdr:to>
      <xdr:col>15</xdr:col>
      <xdr:colOff>101600</xdr:colOff>
      <xdr:row>84</xdr:row>
      <xdr:rowOff>111761</xdr:rowOff>
    </xdr:to>
    <xdr:sp macro="" textlink="">
      <xdr:nvSpPr>
        <xdr:cNvPr id="311" name="楕円 310">
          <a:extLst>
            <a:ext uri="{FF2B5EF4-FFF2-40B4-BE49-F238E27FC236}">
              <a16:creationId xmlns:a16="http://schemas.microsoft.com/office/drawing/2014/main" id="{155EF5F3-3073-42D4-895B-138F2B9AD1F4}"/>
            </a:ext>
          </a:extLst>
        </xdr:cNvPr>
        <xdr:cNvSpPr/>
      </xdr:nvSpPr>
      <xdr:spPr>
        <a:xfrm>
          <a:off x="2857500" y="1441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60961</xdr:rowOff>
    </xdr:from>
    <xdr:to>
      <xdr:col>19</xdr:col>
      <xdr:colOff>177800</xdr:colOff>
      <xdr:row>84</xdr:row>
      <xdr:rowOff>91984</xdr:rowOff>
    </xdr:to>
    <xdr:cxnSp macro="">
      <xdr:nvCxnSpPr>
        <xdr:cNvPr id="312" name="直線コネクタ 311">
          <a:extLst>
            <a:ext uri="{FF2B5EF4-FFF2-40B4-BE49-F238E27FC236}">
              <a16:creationId xmlns:a16="http://schemas.microsoft.com/office/drawing/2014/main" id="{CC1D4EBA-A309-45C4-8C69-9E885681D1C9}"/>
            </a:ext>
          </a:extLst>
        </xdr:cNvPr>
        <xdr:cNvCxnSpPr/>
      </xdr:nvCxnSpPr>
      <xdr:spPr>
        <a:xfrm>
          <a:off x="2908300" y="14462761"/>
          <a:ext cx="889000" cy="31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48952</xdr:rowOff>
    </xdr:from>
    <xdr:to>
      <xdr:col>10</xdr:col>
      <xdr:colOff>165100</xdr:colOff>
      <xdr:row>84</xdr:row>
      <xdr:rowOff>79102</xdr:rowOff>
    </xdr:to>
    <xdr:sp macro="" textlink="">
      <xdr:nvSpPr>
        <xdr:cNvPr id="313" name="楕円 312">
          <a:extLst>
            <a:ext uri="{FF2B5EF4-FFF2-40B4-BE49-F238E27FC236}">
              <a16:creationId xmlns:a16="http://schemas.microsoft.com/office/drawing/2014/main" id="{B4B9A50B-98E5-4E08-B293-E81DF8EF8EFB}"/>
            </a:ext>
          </a:extLst>
        </xdr:cNvPr>
        <xdr:cNvSpPr/>
      </xdr:nvSpPr>
      <xdr:spPr>
        <a:xfrm>
          <a:off x="1968500" y="14379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28302</xdr:rowOff>
    </xdr:from>
    <xdr:to>
      <xdr:col>15</xdr:col>
      <xdr:colOff>50800</xdr:colOff>
      <xdr:row>84</xdr:row>
      <xdr:rowOff>60961</xdr:rowOff>
    </xdr:to>
    <xdr:cxnSp macro="">
      <xdr:nvCxnSpPr>
        <xdr:cNvPr id="314" name="直線コネクタ 313">
          <a:extLst>
            <a:ext uri="{FF2B5EF4-FFF2-40B4-BE49-F238E27FC236}">
              <a16:creationId xmlns:a16="http://schemas.microsoft.com/office/drawing/2014/main" id="{6E22BC06-9F84-4CC9-8A96-D7D11842DBE8}"/>
            </a:ext>
          </a:extLst>
        </xdr:cNvPr>
        <xdr:cNvCxnSpPr/>
      </xdr:nvCxnSpPr>
      <xdr:spPr>
        <a:xfrm>
          <a:off x="2019300" y="14430102"/>
          <a:ext cx="889000" cy="3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27726</xdr:rowOff>
    </xdr:from>
    <xdr:to>
      <xdr:col>6</xdr:col>
      <xdr:colOff>38100</xdr:colOff>
      <xdr:row>84</xdr:row>
      <xdr:rowOff>57876</xdr:rowOff>
    </xdr:to>
    <xdr:sp macro="" textlink="">
      <xdr:nvSpPr>
        <xdr:cNvPr id="315" name="楕円 314">
          <a:extLst>
            <a:ext uri="{FF2B5EF4-FFF2-40B4-BE49-F238E27FC236}">
              <a16:creationId xmlns:a16="http://schemas.microsoft.com/office/drawing/2014/main" id="{4876441A-8C98-4D74-A8E1-540EF0DC087C}"/>
            </a:ext>
          </a:extLst>
        </xdr:cNvPr>
        <xdr:cNvSpPr/>
      </xdr:nvSpPr>
      <xdr:spPr>
        <a:xfrm>
          <a:off x="1079500" y="14358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7076</xdr:rowOff>
    </xdr:from>
    <xdr:to>
      <xdr:col>10</xdr:col>
      <xdr:colOff>114300</xdr:colOff>
      <xdr:row>84</xdr:row>
      <xdr:rowOff>28302</xdr:rowOff>
    </xdr:to>
    <xdr:cxnSp macro="">
      <xdr:nvCxnSpPr>
        <xdr:cNvPr id="316" name="直線コネクタ 315">
          <a:extLst>
            <a:ext uri="{FF2B5EF4-FFF2-40B4-BE49-F238E27FC236}">
              <a16:creationId xmlns:a16="http://schemas.microsoft.com/office/drawing/2014/main" id="{79B24344-181B-4E8E-855A-5F7462DE0A63}"/>
            </a:ext>
          </a:extLst>
        </xdr:cNvPr>
        <xdr:cNvCxnSpPr/>
      </xdr:nvCxnSpPr>
      <xdr:spPr>
        <a:xfrm>
          <a:off x="1130300" y="14408876"/>
          <a:ext cx="889000" cy="21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56046</xdr:rowOff>
    </xdr:from>
    <xdr:ext cx="405111" cy="259045"/>
    <xdr:sp macro="" textlink="">
      <xdr:nvSpPr>
        <xdr:cNvPr id="317" name="n_1aveValue【福祉施設】&#10;有形固定資産減価償却率">
          <a:extLst>
            <a:ext uri="{FF2B5EF4-FFF2-40B4-BE49-F238E27FC236}">
              <a16:creationId xmlns:a16="http://schemas.microsoft.com/office/drawing/2014/main" id="{95E50E0F-6BE1-4C69-B828-B7B7DAD51CB3}"/>
            </a:ext>
          </a:extLst>
        </xdr:cNvPr>
        <xdr:cNvSpPr txBox="1"/>
      </xdr:nvSpPr>
      <xdr:spPr>
        <a:xfrm>
          <a:off x="3582044" y="14043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62577</xdr:rowOff>
    </xdr:from>
    <xdr:ext cx="405111" cy="259045"/>
    <xdr:sp macro="" textlink="">
      <xdr:nvSpPr>
        <xdr:cNvPr id="318" name="n_2aveValue【福祉施設】&#10;有形固定資産減価償却率">
          <a:extLst>
            <a:ext uri="{FF2B5EF4-FFF2-40B4-BE49-F238E27FC236}">
              <a16:creationId xmlns:a16="http://schemas.microsoft.com/office/drawing/2014/main" id="{EE0AE8B7-5D70-4D90-99A4-9D71C42D03F4}"/>
            </a:ext>
          </a:extLst>
        </xdr:cNvPr>
        <xdr:cNvSpPr txBox="1"/>
      </xdr:nvSpPr>
      <xdr:spPr>
        <a:xfrm>
          <a:off x="2705744" y="1405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46248</xdr:rowOff>
    </xdr:from>
    <xdr:ext cx="405111" cy="259045"/>
    <xdr:sp macro="" textlink="">
      <xdr:nvSpPr>
        <xdr:cNvPr id="319" name="n_3aveValue【福祉施設】&#10;有形固定資産減価償却率">
          <a:extLst>
            <a:ext uri="{FF2B5EF4-FFF2-40B4-BE49-F238E27FC236}">
              <a16:creationId xmlns:a16="http://schemas.microsoft.com/office/drawing/2014/main" id="{7894F36E-5CC0-48C4-98C2-4944AEFBDBBC}"/>
            </a:ext>
          </a:extLst>
        </xdr:cNvPr>
        <xdr:cNvSpPr txBox="1"/>
      </xdr:nvSpPr>
      <xdr:spPr>
        <a:xfrm>
          <a:off x="1816744" y="140336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8885</xdr:rowOff>
    </xdr:from>
    <xdr:ext cx="405111" cy="259045"/>
    <xdr:sp macro="" textlink="">
      <xdr:nvSpPr>
        <xdr:cNvPr id="320" name="n_4aveValue【福祉施設】&#10;有形固定資産減価償却率">
          <a:extLst>
            <a:ext uri="{FF2B5EF4-FFF2-40B4-BE49-F238E27FC236}">
              <a16:creationId xmlns:a16="http://schemas.microsoft.com/office/drawing/2014/main" id="{1D0E0BC9-60C8-4775-86F4-E7560E2CD05E}"/>
            </a:ext>
          </a:extLst>
        </xdr:cNvPr>
        <xdr:cNvSpPr txBox="1"/>
      </xdr:nvSpPr>
      <xdr:spPr>
        <a:xfrm>
          <a:off x="927744" y="14077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33911</xdr:rowOff>
    </xdr:from>
    <xdr:ext cx="405111" cy="259045"/>
    <xdr:sp macro="" textlink="">
      <xdr:nvSpPr>
        <xdr:cNvPr id="321" name="n_1mainValue【福祉施設】&#10;有形固定資産減価償却率">
          <a:extLst>
            <a:ext uri="{FF2B5EF4-FFF2-40B4-BE49-F238E27FC236}">
              <a16:creationId xmlns:a16="http://schemas.microsoft.com/office/drawing/2014/main" id="{7829419E-1DC9-4FD7-91BC-277C794426D3}"/>
            </a:ext>
          </a:extLst>
        </xdr:cNvPr>
        <xdr:cNvSpPr txBox="1"/>
      </xdr:nvSpPr>
      <xdr:spPr>
        <a:xfrm>
          <a:off x="3582044" y="145357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02888</xdr:rowOff>
    </xdr:from>
    <xdr:ext cx="405111" cy="259045"/>
    <xdr:sp macro="" textlink="">
      <xdr:nvSpPr>
        <xdr:cNvPr id="322" name="n_2mainValue【福祉施設】&#10;有形固定資産減価償却率">
          <a:extLst>
            <a:ext uri="{FF2B5EF4-FFF2-40B4-BE49-F238E27FC236}">
              <a16:creationId xmlns:a16="http://schemas.microsoft.com/office/drawing/2014/main" id="{3C9BFFB1-2844-4400-9E38-6BA09BE82570}"/>
            </a:ext>
          </a:extLst>
        </xdr:cNvPr>
        <xdr:cNvSpPr txBox="1"/>
      </xdr:nvSpPr>
      <xdr:spPr>
        <a:xfrm>
          <a:off x="2705744" y="14504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70229</xdr:rowOff>
    </xdr:from>
    <xdr:ext cx="405111" cy="259045"/>
    <xdr:sp macro="" textlink="">
      <xdr:nvSpPr>
        <xdr:cNvPr id="323" name="n_3mainValue【福祉施設】&#10;有形固定資産減価償却率">
          <a:extLst>
            <a:ext uri="{FF2B5EF4-FFF2-40B4-BE49-F238E27FC236}">
              <a16:creationId xmlns:a16="http://schemas.microsoft.com/office/drawing/2014/main" id="{A60DCD91-87E0-46F7-864B-767DA1BE21BC}"/>
            </a:ext>
          </a:extLst>
        </xdr:cNvPr>
        <xdr:cNvSpPr txBox="1"/>
      </xdr:nvSpPr>
      <xdr:spPr>
        <a:xfrm>
          <a:off x="1816744" y="14472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49003</xdr:rowOff>
    </xdr:from>
    <xdr:ext cx="405111" cy="259045"/>
    <xdr:sp macro="" textlink="">
      <xdr:nvSpPr>
        <xdr:cNvPr id="324" name="n_4mainValue【福祉施設】&#10;有形固定資産減価償却率">
          <a:extLst>
            <a:ext uri="{FF2B5EF4-FFF2-40B4-BE49-F238E27FC236}">
              <a16:creationId xmlns:a16="http://schemas.microsoft.com/office/drawing/2014/main" id="{0D227652-DFB3-413D-8B04-C13FE0F419F4}"/>
            </a:ext>
          </a:extLst>
        </xdr:cNvPr>
        <xdr:cNvSpPr txBox="1"/>
      </xdr:nvSpPr>
      <xdr:spPr>
        <a:xfrm>
          <a:off x="927744" y="144508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5" name="正方形/長方形 324">
          <a:extLst>
            <a:ext uri="{FF2B5EF4-FFF2-40B4-BE49-F238E27FC236}">
              <a16:creationId xmlns:a16="http://schemas.microsoft.com/office/drawing/2014/main" id="{2071DCDA-F647-4256-8CC4-E1FB323BC89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6" name="正方形/長方形 325">
          <a:extLst>
            <a:ext uri="{FF2B5EF4-FFF2-40B4-BE49-F238E27FC236}">
              <a16:creationId xmlns:a16="http://schemas.microsoft.com/office/drawing/2014/main" id="{925555BA-3447-4E67-B26F-2368B5B25E17}"/>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7" name="正方形/長方形 326">
          <a:extLst>
            <a:ext uri="{FF2B5EF4-FFF2-40B4-BE49-F238E27FC236}">
              <a16:creationId xmlns:a16="http://schemas.microsoft.com/office/drawing/2014/main" id="{4E5E54F1-CC7C-4545-9F6F-0097F628D643}"/>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8" name="正方形/長方形 327">
          <a:extLst>
            <a:ext uri="{FF2B5EF4-FFF2-40B4-BE49-F238E27FC236}">
              <a16:creationId xmlns:a16="http://schemas.microsoft.com/office/drawing/2014/main" id="{450AE4A6-984A-406F-A447-F11538516404}"/>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9" name="正方形/長方形 328">
          <a:extLst>
            <a:ext uri="{FF2B5EF4-FFF2-40B4-BE49-F238E27FC236}">
              <a16:creationId xmlns:a16="http://schemas.microsoft.com/office/drawing/2014/main" id="{37782A93-C1D2-42A2-917A-6CCCEADD43C2}"/>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0" name="正方形/長方形 329">
          <a:extLst>
            <a:ext uri="{FF2B5EF4-FFF2-40B4-BE49-F238E27FC236}">
              <a16:creationId xmlns:a16="http://schemas.microsoft.com/office/drawing/2014/main" id="{E2EFB17C-BF04-4954-9453-11396710A05B}"/>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1" name="正方形/長方形 330">
          <a:extLst>
            <a:ext uri="{FF2B5EF4-FFF2-40B4-BE49-F238E27FC236}">
              <a16:creationId xmlns:a16="http://schemas.microsoft.com/office/drawing/2014/main" id="{6E11D1E8-DC65-47F4-9C22-B428FCC2057F}"/>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2" name="正方形/長方形 331">
          <a:extLst>
            <a:ext uri="{FF2B5EF4-FFF2-40B4-BE49-F238E27FC236}">
              <a16:creationId xmlns:a16="http://schemas.microsoft.com/office/drawing/2014/main" id="{95E28683-DB20-4C04-8760-C5285ECA089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3" name="テキスト ボックス 332">
          <a:extLst>
            <a:ext uri="{FF2B5EF4-FFF2-40B4-BE49-F238E27FC236}">
              <a16:creationId xmlns:a16="http://schemas.microsoft.com/office/drawing/2014/main" id="{9A067A32-7DEE-4756-8B56-F8F0E384A9E2}"/>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4" name="直線コネクタ 333">
          <a:extLst>
            <a:ext uri="{FF2B5EF4-FFF2-40B4-BE49-F238E27FC236}">
              <a16:creationId xmlns:a16="http://schemas.microsoft.com/office/drawing/2014/main" id="{02E5BAB0-A183-4EE5-AF1C-50E183F181E5}"/>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5" name="直線コネクタ 334">
          <a:extLst>
            <a:ext uri="{FF2B5EF4-FFF2-40B4-BE49-F238E27FC236}">
              <a16:creationId xmlns:a16="http://schemas.microsoft.com/office/drawing/2014/main" id="{295FB0DA-8F74-423B-BB2A-F82BD3D1A12F}"/>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6" name="テキスト ボックス 335">
          <a:extLst>
            <a:ext uri="{FF2B5EF4-FFF2-40B4-BE49-F238E27FC236}">
              <a16:creationId xmlns:a16="http://schemas.microsoft.com/office/drawing/2014/main" id="{3145E600-DCD7-41CE-9B90-69CF213E1122}"/>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7" name="直線コネクタ 336">
          <a:extLst>
            <a:ext uri="{FF2B5EF4-FFF2-40B4-BE49-F238E27FC236}">
              <a16:creationId xmlns:a16="http://schemas.microsoft.com/office/drawing/2014/main" id="{61051522-BCCA-4E2E-93EE-A98797EB74D3}"/>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8" name="テキスト ボックス 337">
          <a:extLst>
            <a:ext uri="{FF2B5EF4-FFF2-40B4-BE49-F238E27FC236}">
              <a16:creationId xmlns:a16="http://schemas.microsoft.com/office/drawing/2014/main" id="{711C30E4-10FC-4409-8DDD-5C7BFFEA7D9A}"/>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9" name="直線コネクタ 338">
          <a:extLst>
            <a:ext uri="{FF2B5EF4-FFF2-40B4-BE49-F238E27FC236}">
              <a16:creationId xmlns:a16="http://schemas.microsoft.com/office/drawing/2014/main" id="{CA356D1A-0871-498F-AD58-8C47E9210415}"/>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40" name="テキスト ボックス 339">
          <a:extLst>
            <a:ext uri="{FF2B5EF4-FFF2-40B4-BE49-F238E27FC236}">
              <a16:creationId xmlns:a16="http://schemas.microsoft.com/office/drawing/2014/main" id="{5E61912C-F22A-49A8-A22F-F4C3B2803EB7}"/>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41" name="直線コネクタ 340">
          <a:extLst>
            <a:ext uri="{FF2B5EF4-FFF2-40B4-BE49-F238E27FC236}">
              <a16:creationId xmlns:a16="http://schemas.microsoft.com/office/drawing/2014/main" id="{F15C61E4-BC1A-454A-98F0-F10F18DD5222}"/>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2" name="テキスト ボックス 341">
          <a:extLst>
            <a:ext uri="{FF2B5EF4-FFF2-40B4-BE49-F238E27FC236}">
              <a16:creationId xmlns:a16="http://schemas.microsoft.com/office/drawing/2014/main" id="{FCDB4E36-9947-4DD9-B2DA-254471960FC6}"/>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3" name="直線コネクタ 342">
          <a:extLst>
            <a:ext uri="{FF2B5EF4-FFF2-40B4-BE49-F238E27FC236}">
              <a16:creationId xmlns:a16="http://schemas.microsoft.com/office/drawing/2014/main" id="{7A2722FB-8C93-4B6E-A06E-6984FD51496D}"/>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4" name="テキスト ボックス 343">
          <a:extLst>
            <a:ext uri="{FF2B5EF4-FFF2-40B4-BE49-F238E27FC236}">
              <a16:creationId xmlns:a16="http://schemas.microsoft.com/office/drawing/2014/main" id="{A74512F8-C901-494C-8A2F-AB4F3555C8FE}"/>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5" name="直線コネクタ 344">
          <a:extLst>
            <a:ext uri="{FF2B5EF4-FFF2-40B4-BE49-F238E27FC236}">
              <a16:creationId xmlns:a16="http://schemas.microsoft.com/office/drawing/2014/main" id="{E53FDD69-DFC1-497E-94F1-B05FD7FD645E}"/>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6" name="テキスト ボックス 345">
          <a:extLst>
            <a:ext uri="{FF2B5EF4-FFF2-40B4-BE49-F238E27FC236}">
              <a16:creationId xmlns:a16="http://schemas.microsoft.com/office/drawing/2014/main" id="{2853332E-B18A-46A7-8D10-B1738096443D}"/>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7" name="【福祉施設】&#10;一人当たり面積グラフ枠">
          <a:extLst>
            <a:ext uri="{FF2B5EF4-FFF2-40B4-BE49-F238E27FC236}">
              <a16:creationId xmlns:a16="http://schemas.microsoft.com/office/drawing/2014/main" id="{AC0BC699-9849-461E-AF4B-CB55160355EF}"/>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32765</xdr:rowOff>
    </xdr:from>
    <xdr:to>
      <xdr:col>54</xdr:col>
      <xdr:colOff>189865</xdr:colOff>
      <xdr:row>86</xdr:row>
      <xdr:rowOff>87630</xdr:rowOff>
    </xdr:to>
    <xdr:cxnSp macro="">
      <xdr:nvCxnSpPr>
        <xdr:cNvPr id="348" name="直線コネクタ 347">
          <a:extLst>
            <a:ext uri="{FF2B5EF4-FFF2-40B4-BE49-F238E27FC236}">
              <a16:creationId xmlns:a16="http://schemas.microsoft.com/office/drawing/2014/main" id="{6C028D00-B269-4063-ABF5-3EE879B34E74}"/>
            </a:ext>
          </a:extLst>
        </xdr:cNvPr>
        <xdr:cNvCxnSpPr/>
      </xdr:nvCxnSpPr>
      <xdr:spPr>
        <a:xfrm flipV="1">
          <a:off x="10476865" y="13577315"/>
          <a:ext cx="0" cy="1255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91457</xdr:rowOff>
    </xdr:from>
    <xdr:ext cx="469744" cy="259045"/>
    <xdr:sp macro="" textlink="">
      <xdr:nvSpPr>
        <xdr:cNvPr id="349" name="【福祉施設】&#10;一人当たり面積最小値テキスト">
          <a:extLst>
            <a:ext uri="{FF2B5EF4-FFF2-40B4-BE49-F238E27FC236}">
              <a16:creationId xmlns:a16="http://schemas.microsoft.com/office/drawing/2014/main" id="{4E285020-C311-4268-B435-427F18932640}"/>
            </a:ext>
          </a:extLst>
        </xdr:cNvPr>
        <xdr:cNvSpPr txBox="1"/>
      </xdr:nvSpPr>
      <xdr:spPr>
        <a:xfrm>
          <a:off x="10515600" y="1483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87630</xdr:rowOff>
    </xdr:from>
    <xdr:to>
      <xdr:col>55</xdr:col>
      <xdr:colOff>88900</xdr:colOff>
      <xdr:row>86</xdr:row>
      <xdr:rowOff>87630</xdr:rowOff>
    </xdr:to>
    <xdr:cxnSp macro="">
      <xdr:nvCxnSpPr>
        <xdr:cNvPr id="350" name="直線コネクタ 349">
          <a:extLst>
            <a:ext uri="{FF2B5EF4-FFF2-40B4-BE49-F238E27FC236}">
              <a16:creationId xmlns:a16="http://schemas.microsoft.com/office/drawing/2014/main" id="{F2B15AAB-7CEB-48E1-B117-FC8FE601DCEF}"/>
            </a:ext>
          </a:extLst>
        </xdr:cNvPr>
        <xdr:cNvCxnSpPr/>
      </xdr:nvCxnSpPr>
      <xdr:spPr>
        <a:xfrm>
          <a:off x="10388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50892</xdr:rowOff>
    </xdr:from>
    <xdr:ext cx="469744" cy="259045"/>
    <xdr:sp macro="" textlink="">
      <xdr:nvSpPr>
        <xdr:cNvPr id="351" name="【福祉施設】&#10;一人当たり面積最大値テキスト">
          <a:extLst>
            <a:ext uri="{FF2B5EF4-FFF2-40B4-BE49-F238E27FC236}">
              <a16:creationId xmlns:a16="http://schemas.microsoft.com/office/drawing/2014/main" id="{AD514B11-DB46-4384-8BE6-5BD89A039BF4}"/>
            </a:ext>
          </a:extLst>
        </xdr:cNvPr>
        <xdr:cNvSpPr txBox="1"/>
      </xdr:nvSpPr>
      <xdr:spPr>
        <a:xfrm>
          <a:off x="10515600" y="13352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2765</xdr:rowOff>
    </xdr:from>
    <xdr:to>
      <xdr:col>55</xdr:col>
      <xdr:colOff>88900</xdr:colOff>
      <xdr:row>79</xdr:row>
      <xdr:rowOff>32765</xdr:rowOff>
    </xdr:to>
    <xdr:cxnSp macro="">
      <xdr:nvCxnSpPr>
        <xdr:cNvPr id="352" name="直線コネクタ 351">
          <a:extLst>
            <a:ext uri="{FF2B5EF4-FFF2-40B4-BE49-F238E27FC236}">
              <a16:creationId xmlns:a16="http://schemas.microsoft.com/office/drawing/2014/main" id="{72AF4E1E-FF88-4224-8D3F-0781FE15CB68}"/>
            </a:ext>
          </a:extLst>
        </xdr:cNvPr>
        <xdr:cNvCxnSpPr/>
      </xdr:nvCxnSpPr>
      <xdr:spPr>
        <a:xfrm>
          <a:off x="10388600" y="135773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9435</xdr:rowOff>
    </xdr:from>
    <xdr:ext cx="469744" cy="259045"/>
    <xdr:sp macro="" textlink="">
      <xdr:nvSpPr>
        <xdr:cNvPr id="353" name="【福祉施設】&#10;一人当たり面積平均値テキスト">
          <a:extLst>
            <a:ext uri="{FF2B5EF4-FFF2-40B4-BE49-F238E27FC236}">
              <a16:creationId xmlns:a16="http://schemas.microsoft.com/office/drawing/2014/main" id="{07C75155-9C3E-4287-9A63-B01E497CD6FB}"/>
            </a:ext>
          </a:extLst>
        </xdr:cNvPr>
        <xdr:cNvSpPr txBox="1"/>
      </xdr:nvSpPr>
      <xdr:spPr>
        <a:xfrm>
          <a:off x="10515600" y="143997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6558</xdr:rowOff>
    </xdr:from>
    <xdr:to>
      <xdr:col>55</xdr:col>
      <xdr:colOff>50800</xdr:colOff>
      <xdr:row>85</xdr:row>
      <xdr:rowOff>76708</xdr:rowOff>
    </xdr:to>
    <xdr:sp macro="" textlink="">
      <xdr:nvSpPr>
        <xdr:cNvPr id="354" name="フローチャート: 判断 353">
          <a:extLst>
            <a:ext uri="{FF2B5EF4-FFF2-40B4-BE49-F238E27FC236}">
              <a16:creationId xmlns:a16="http://schemas.microsoft.com/office/drawing/2014/main" id="{3D77BD86-5663-4A7E-854E-27FA4A9ACE04}"/>
            </a:ext>
          </a:extLst>
        </xdr:cNvPr>
        <xdr:cNvSpPr/>
      </xdr:nvSpPr>
      <xdr:spPr>
        <a:xfrm>
          <a:off x="10426700" y="14548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0161</xdr:rowOff>
    </xdr:from>
    <xdr:to>
      <xdr:col>50</xdr:col>
      <xdr:colOff>165100</xdr:colOff>
      <xdr:row>85</xdr:row>
      <xdr:rowOff>111761</xdr:rowOff>
    </xdr:to>
    <xdr:sp macro="" textlink="">
      <xdr:nvSpPr>
        <xdr:cNvPr id="355" name="フローチャート: 判断 354">
          <a:extLst>
            <a:ext uri="{FF2B5EF4-FFF2-40B4-BE49-F238E27FC236}">
              <a16:creationId xmlns:a16="http://schemas.microsoft.com/office/drawing/2014/main" id="{AC9C5DD2-BF69-4835-9461-1BED06D86E5B}"/>
            </a:ext>
          </a:extLst>
        </xdr:cNvPr>
        <xdr:cNvSpPr/>
      </xdr:nvSpPr>
      <xdr:spPr>
        <a:xfrm>
          <a:off x="9588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66370</xdr:rowOff>
    </xdr:from>
    <xdr:to>
      <xdr:col>46</xdr:col>
      <xdr:colOff>38100</xdr:colOff>
      <xdr:row>85</xdr:row>
      <xdr:rowOff>96520</xdr:rowOff>
    </xdr:to>
    <xdr:sp macro="" textlink="">
      <xdr:nvSpPr>
        <xdr:cNvPr id="356" name="フローチャート: 判断 355">
          <a:extLst>
            <a:ext uri="{FF2B5EF4-FFF2-40B4-BE49-F238E27FC236}">
              <a16:creationId xmlns:a16="http://schemas.microsoft.com/office/drawing/2014/main" id="{10DB76B5-AA3A-4B0E-B5FE-81EEDB17AB15}"/>
            </a:ext>
          </a:extLst>
        </xdr:cNvPr>
        <xdr:cNvSpPr/>
      </xdr:nvSpPr>
      <xdr:spPr>
        <a:xfrm>
          <a:off x="8699500" y="1456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66370</xdr:rowOff>
    </xdr:from>
    <xdr:to>
      <xdr:col>41</xdr:col>
      <xdr:colOff>101600</xdr:colOff>
      <xdr:row>85</xdr:row>
      <xdr:rowOff>96520</xdr:rowOff>
    </xdr:to>
    <xdr:sp macro="" textlink="">
      <xdr:nvSpPr>
        <xdr:cNvPr id="357" name="フローチャート: 判断 356">
          <a:extLst>
            <a:ext uri="{FF2B5EF4-FFF2-40B4-BE49-F238E27FC236}">
              <a16:creationId xmlns:a16="http://schemas.microsoft.com/office/drawing/2014/main" id="{7233747E-1558-4FEC-9A12-8DA32BB2CDDF}"/>
            </a:ext>
          </a:extLst>
        </xdr:cNvPr>
        <xdr:cNvSpPr/>
      </xdr:nvSpPr>
      <xdr:spPr>
        <a:xfrm>
          <a:off x="7810500" y="1456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78</xdr:row>
      <xdr:rowOff>97028</xdr:rowOff>
    </xdr:from>
    <xdr:to>
      <xdr:col>36</xdr:col>
      <xdr:colOff>165100</xdr:colOff>
      <xdr:row>79</xdr:row>
      <xdr:rowOff>27178</xdr:rowOff>
    </xdr:to>
    <xdr:sp macro="" textlink="">
      <xdr:nvSpPr>
        <xdr:cNvPr id="358" name="フローチャート: 判断 357">
          <a:extLst>
            <a:ext uri="{FF2B5EF4-FFF2-40B4-BE49-F238E27FC236}">
              <a16:creationId xmlns:a16="http://schemas.microsoft.com/office/drawing/2014/main" id="{BD344B42-9665-4972-BE4A-AFB18759AA5B}"/>
            </a:ext>
          </a:extLst>
        </xdr:cNvPr>
        <xdr:cNvSpPr/>
      </xdr:nvSpPr>
      <xdr:spPr>
        <a:xfrm>
          <a:off x="6921500" y="13470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C56BF444-02E6-4B46-803B-C6157B1C4EAD}"/>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71E64BA2-0310-4129-952E-1FB61A7D3E13}"/>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40BCA548-B387-417E-AB8E-C1D5CE43A93E}"/>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id="{47524916-A8D7-4AA3-9C24-D849AF2DD82E}"/>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3" name="テキスト ボックス 362">
          <a:extLst>
            <a:ext uri="{FF2B5EF4-FFF2-40B4-BE49-F238E27FC236}">
              <a16:creationId xmlns:a16="http://schemas.microsoft.com/office/drawing/2014/main" id="{7980D58A-3EDC-49E9-9441-9CF48209B13C}"/>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4178</xdr:rowOff>
    </xdr:from>
    <xdr:to>
      <xdr:col>55</xdr:col>
      <xdr:colOff>50800</xdr:colOff>
      <xdr:row>86</xdr:row>
      <xdr:rowOff>84328</xdr:rowOff>
    </xdr:to>
    <xdr:sp macro="" textlink="">
      <xdr:nvSpPr>
        <xdr:cNvPr id="364" name="楕円 363">
          <a:extLst>
            <a:ext uri="{FF2B5EF4-FFF2-40B4-BE49-F238E27FC236}">
              <a16:creationId xmlns:a16="http://schemas.microsoft.com/office/drawing/2014/main" id="{F822BCBB-A723-48F8-AD43-A71AD4711500}"/>
            </a:ext>
          </a:extLst>
        </xdr:cNvPr>
        <xdr:cNvSpPr/>
      </xdr:nvSpPr>
      <xdr:spPr>
        <a:xfrm>
          <a:off x="10426700" y="14727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9105</xdr:rowOff>
    </xdr:from>
    <xdr:ext cx="469744" cy="259045"/>
    <xdr:sp macro="" textlink="">
      <xdr:nvSpPr>
        <xdr:cNvPr id="365" name="【福祉施設】&#10;一人当たり面積該当値テキスト">
          <a:extLst>
            <a:ext uri="{FF2B5EF4-FFF2-40B4-BE49-F238E27FC236}">
              <a16:creationId xmlns:a16="http://schemas.microsoft.com/office/drawing/2014/main" id="{5CEDAB1C-405E-4AB8-82FB-FD0AE99DB8F3}"/>
            </a:ext>
          </a:extLst>
        </xdr:cNvPr>
        <xdr:cNvSpPr txBox="1"/>
      </xdr:nvSpPr>
      <xdr:spPr>
        <a:xfrm>
          <a:off x="10515600" y="14642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5702</xdr:rowOff>
    </xdr:from>
    <xdr:to>
      <xdr:col>50</xdr:col>
      <xdr:colOff>165100</xdr:colOff>
      <xdr:row>86</xdr:row>
      <xdr:rowOff>85852</xdr:rowOff>
    </xdr:to>
    <xdr:sp macro="" textlink="">
      <xdr:nvSpPr>
        <xdr:cNvPr id="366" name="楕円 365">
          <a:extLst>
            <a:ext uri="{FF2B5EF4-FFF2-40B4-BE49-F238E27FC236}">
              <a16:creationId xmlns:a16="http://schemas.microsoft.com/office/drawing/2014/main" id="{6A0101B8-94D4-4D6C-A73A-00BF2E1144F1}"/>
            </a:ext>
          </a:extLst>
        </xdr:cNvPr>
        <xdr:cNvSpPr/>
      </xdr:nvSpPr>
      <xdr:spPr>
        <a:xfrm>
          <a:off x="9588500" y="14728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3528</xdr:rowOff>
    </xdr:from>
    <xdr:to>
      <xdr:col>55</xdr:col>
      <xdr:colOff>0</xdr:colOff>
      <xdr:row>86</xdr:row>
      <xdr:rowOff>35052</xdr:rowOff>
    </xdr:to>
    <xdr:cxnSp macro="">
      <xdr:nvCxnSpPr>
        <xdr:cNvPr id="367" name="直線コネクタ 366">
          <a:extLst>
            <a:ext uri="{FF2B5EF4-FFF2-40B4-BE49-F238E27FC236}">
              <a16:creationId xmlns:a16="http://schemas.microsoft.com/office/drawing/2014/main" id="{1A71C59E-F687-483B-8469-D15F6317DEA7}"/>
            </a:ext>
          </a:extLst>
        </xdr:cNvPr>
        <xdr:cNvCxnSpPr/>
      </xdr:nvCxnSpPr>
      <xdr:spPr>
        <a:xfrm flipV="1">
          <a:off x="9639300" y="14778228"/>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6463</xdr:rowOff>
    </xdr:from>
    <xdr:to>
      <xdr:col>46</xdr:col>
      <xdr:colOff>38100</xdr:colOff>
      <xdr:row>86</xdr:row>
      <xdr:rowOff>86613</xdr:rowOff>
    </xdr:to>
    <xdr:sp macro="" textlink="">
      <xdr:nvSpPr>
        <xdr:cNvPr id="368" name="楕円 367">
          <a:extLst>
            <a:ext uri="{FF2B5EF4-FFF2-40B4-BE49-F238E27FC236}">
              <a16:creationId xmlns:a16="http://schemas.microsoft.com/office/drawing/2014/main" id="{12D7ED93-712D-4D61-8BA7-E76C32D6A4A5}"/>
            </a:ext>
          </a:extLst>
        </xdr:cNvPr>
        <xdr:cNvSpPr/>
      </xdr:nvSpPr>
      <xdr:spPr>
        <a:xfrm>
          <a:off x="8699500" y="14729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5052</xdr:rowOff>
    </xdr:from>
    <xdr:to>
      <xdr:col>50</xdr:col>
      <xdr:colOff>114300</xdr:colOff>
      <xdr:row>86</xdr:row>
      <xdr:rowOff>35813</xdr:rowOff>
    </xdr:to>
    <xdr:cxnSp macro="">
      <xdr:nvCxnSpPr>
        <xdr:cNvPr id="369" name="直線コネクタ 368">
          <a:extLst>
            <a:ext uri="{FF2B5EF4-FFF2-40B4-BE49-F238E27FC236}">
              <a16:creationId xmlns:a16="http://schemas.microsoft.com/office/drawing/2014/main" id="{2B519B2D-C231-4821-A759-97AE024A2B8F}"/>
            </a:ext>
          </a:extLst>
        </xdr:cNvPr>
        <xdr:cNvCxnSpPr/>
      </xdr:nvCxnSpPr>
      <xdr:spPr>
        <a:xfrm flipV="1">
          <a:off x="8750300" y="14779752"/>
          <a:ext cx="889000" cy="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57987</xdr:rowOff>
    </xdr:from>
    <xdr:to>
      <xdr:col>41</xdr:col>
      <xdr:colOff>101600</xdr:colOff>
      <xdr:row>86</xdr:row>
      <xdr:rowOff>88137</xdr:rowOff>
    </xdr:to>
    <xdr:sp macro="" textlink="">
      <xdr:nvSpPr>
        <xdr:cNvPr id="370" name="楕円 369">
          <a:extLst>
            <a:ext uri="{FF2B5EF4-FFF2-40B4-BE49-F238E27FC236}">
              <a16:creationId xmlns:a16="http://schemas.microsoft.com/office/drawing/2014/main" id="{D6DC17C8-C62C-4167-9119-41B75E39BBEF}"/>
            </a:ext>
          </a:extLst>
        </xdr:cNvPr>
        <xdr:cNvSpPr/>
      </xdr:nvSpPr>
      <xdr:spPr>
        <a:xfrm>
          <a:off x="7810500" y="14731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5813</xdr:rowOff>
    </xdr:from>
    <xdr:to>
      <xdr:col>45</xdr:col>
      <xdr:colOff>177800</xdr:colOff>
      <xdr:row>86</xdr:row>
      <xdr:rowOff>37337</xdr:rowOff>
    </xdr:to>
    <xdr:cxnSp macro="">
      <xdr:nvCxnSpPr>
        <xdr:cNvPr id="371" name="直線コネクタ 370">
          <a:extLst>
            <a:ext uri="{FF2B5EF4-FFF2-40B4-BE49-F238E27FC236}">
              <a16:creationId xmlns:a16="http://schemas.microsoft.com/office/drawing/2014/main" id="{48FA8020-4248-4CD8-9F51-18B794F62B72}"/>
            </a:ext>
          </a:extLst>
        </xdr:cNvPr>
        <xdr:cNvCxnSpPr/>
      </xdr:nvCxnSpPr>
      <xdr:spPr>
        <a:xfrm flipV="1">
          <a:off x="7861300" y="14780513"/>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58750</xdr:rowOff>
    </xdr:from>
    <xdr:to>
      <xdr:col>36</xdr:col>
      <xdr:colOff>165100</xdr:colOff>
      <xdr:row>86</xdr:row>
      <xdr:rowOff>88900</xdr:rowOff>
    </xdr:to>
    <xdr:sp macro="" textlink="">
      <xdr:nvSpPr>
        <xdr:cNvPr id="372" name="楕円 371">
          <a:extLst>
            <a:ext uri="{FF2B5EF4-FFF2-40B4-BE49-F238E27FC236}">
              <a16:creationId xmlns:a16="http://schemas.microsoft.com/office/drawing/2014/main" id="{D3335CD5-D300-4BCF-B115-072BDC8A46EB}"/>
            </a:ext>
          </a:extLst>
        </xdr:cNvPr>
        <xdr:cNvSpPr/>
      </xdr:nvSpPr>
      <xdr:spPr>
        <a:xfrm>
          <a:off x="6921500" y="1473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37337</xdr:rowOff>
    </xdr:from>
    <xdr:to>
      <xdr:col>41</xdr:col>
      <xdr:colOff>50800</xdr:colOff>
      <xdr:row>86</xdr:row>
      <xdr:rowOff>38100</xdr:rowOff>
    </xdr:to>
    <xdr:cxnSp macro="">
      <xdr:nvCxnSpPr>
        <xdr:cNvPr id="373" name="直線コネクタ 372">
          <a:extLst>
            <a:ext uri="{FF2B5EF4-FFF2-40B4-BE49-F238E27FC236}">
              <a16:creationId xmlns:a16="http://schemas.microsoft.com/office/drawing/2014/main" id="{89586700-1C12-4CAF-B4EF-CE4990189803}"/>
            </a:ext>
          </a:extLst>
        </xdr:cNvPr>
        <xdr:cNvCxnSpPr/>
      </xdr:nvCxnSpPr>
      <xdr:spPr>
        <a:xfrm flipV="1">
          <a:off x="6972300" y="14782037"/>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28288</xdr:rowOff>
    </xdr:from>
    <xdr:ext cx="469744" cy="259045"/>
    <xdr:sp macro="" textlink="">
      <xdr:nvSpPr>
        <xdr:cNvPr id="374" name="n_1aveValue【福祉施設】&#10;一人当たり面積">
          <a:extLst>
            <a:ext uri="{FF2B5EF4-FFF2-40B4-BE49-F238E27FC236}">
              <a16:creationId xmlns:a16="http://schemas.microsoft.com/office/drawing/2014/main" id="{0454B1DC-B106-4337-A62E-0C1B38085E43}"/>
            </a:ext>
          </a:extLst>
        </xdr:cNvPr>
        <xdr:cNvSpPr txBox="1"/>
      </xdr:nvSpPr>
      <xdr:spPr>
        <a:xfrm>
          <a:off x="9391727" y="14358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13047</xdr:rowOff>
    </xdr:from>
    <xdr:ext cx="469744" cy="259045"/>
    <xdr:sp macro="" textlink="">
      <xdr:nvSpPr>
        <xdr:cNvPr id="375" name="n_2aveValue【福祉施設】&#10;一人当たり面積">
          <a:extLst>
            <a:ext uri="{FF2B5EF4-FFF2-40B4-BE49-F238E27FC236}">
              <a16:creationId xmlns:a16="http://schemas.microsoft.com/office/drawing/2014/main" id="{264D5506-00A9-4312-8213-F9597BC7CB88}"/>
            </a:ext>
          </a:extLst>
        </xdr:cNvPr>
        <xdr:cNvSpPr txBox="1"/>
      </xdr:nvSpPr>
      <xdr:spPr>
        <a:xfrm>
          <a:off x="8515427" y="14343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13047</xdr:rowOff>
    </xdr:from>
    <xdr:ext cx="469744" cy="259045"/>
    <xdr:sp macro="" textlink="">
      <xdr:nvSpPr>
        <xdr:cNvPr id="376" name="n_3aveValue【福祉施設】&#10;一人当たり面積">
          <a:extLst>
            <a:ext uri="{FF2B5EF4-FFF2-40B4-BE49-F238E27FC236}">
              <a16:creationId xmlns:a16="http://schemas.microsoft.com/office/drawing/2014/main" id="{25A6A72B-2396-4971-AA84-32758886E8DB}"/>
            </a:ext>
          </a:extLst>
        </xdr:cNvPr>
        <xdr:cNvSpPr txBox="1"/>
      </xdr:nvSpPr>
      <xdr:spPr>
        <a:xfrm>
          <a:off x="7626427" y="14343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77</xdr:row>
      <xdr:rowOff>43705</xdr:rowOff>
    </xdr:from>
    <xdr:ext cx="469744" cy="259045"/>
    <xdr:sp macro="" textlink="">
      <xdr:nvSpPr>
        <xdr:cNvPr id="377" name="n_4aveValue【福祉施設】&#10;一人当たり面積">
          <a:extLst>
            <a:ext uri="{FF2B5EF4-FFF2-40B4-BE49-F238E27FC236}">
              <a16:creationId xmlns:a16="http://schemas.microsoft.com/office/drawing/2014/main" id="{F74BADAF-74A4-41D2-8695-9135E1116268}"/>
            </a:ext>
          </a:extLst>
        </xdr:cNvPr>
        <xdr:cNvSpPr txBox="1"/>
      </xdr:nvSpPr>
      <xdr:spPr>
        <a:xfrm>
          <a:off x="6737427" y="1324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76979</xdr:rowOff>
    </xdr:from>
    <xdr:ext cx="469744" cy="259045"/>
    <xdr:sp macro="" textlink="">
      <xdr:nvSpPr>
        <xdr:cNvPr id="378" name="n_1mainValue【福祉施設】&#10;一人当たり面積">
          <a:extLst>
            <a:ext uri="{FF2B5EF4-FFF2-40B4-BE49-F238E27FC236}">
              <a16:creationId xmlns:a16="http://schemas.microsoft.com/office/drawing/2014/main" id="{EE35A72C-4D1D-44DA-BC94-7BF804C518C2}"/>
            </a:ext>
          </a:extLst>
        </xdr:cNvPr>
        <xdr:cNvSpPr txBox="1"/>
      </xdr:nvSpPr>
      <xdr:spPr>
        <a:xfrm>
          <a:off x="9391727" y="14821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7740</xdr:rowOff>
    </xdr:from>
    <xdr:ext cx="469744" cy="259045"/>
    <xdr:sp macro="" textlink="">
      <xdr:nvSpPr>
        <xdr:cNvPr id="379" name="n_2mainValue【福祉施設】&#10;一人当たり面積">
          <a:extLst>
            <a:ext uri="{FF2B5EF4-FFF2-40B4-BE49-F238E27FC236}">
              <a16:creationId xmlns:a16="http://schemas.microsoft.com/office/drawing/2014/main" id="{B58614A3-A9CE-43D7-8BEB-1E26F3CFF02A}"/>
            </a:ext>
          </a:extLst>
        </xdr:cNvPr>
        <xdr:cNvSpPr txBox="1"/>
      </xdr:nvSpPr>
      <xdr:spPr>
        <a:xfrm>
          <a:off x="8515427" y="14822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79264</xdr:rowOff>
    </xdr:from>
    <xdr:ext cx="469744" cy="259045"/>
    <xdr:sp macro="" textlink="">
      <xdr:nvSpPr>
        <xdr:cNvPr id="380" name="n_3mainValue【福祉施設】&#10;一人当たり面積">
          <a:extLst>
            <a:ext uri="{FF2B5EF4-FFF2-40B4-BE49-F238E27FC236}">
              <a16:creationId xmlns:a16="http://schemas.microsoft.com/office/drawing/2014/main" id="{9BFCFAD3-2E17-4E61-A0A0-800F2DB9D67D}"/>
            </a:ext>
          </a:extLst>
        </xdr:cNvPr>
        <xdr:cNvSpPr txBox="1"/>
      </xdr:nvSpPr>
      <xdr:spPr>
        <a:xfrm>
          <a:off x="7626427" y="14823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0027</xdr:rowOff>
    </xdr:from>
    <xdr:ext cx="469744" cy="259045"/>
    <xdr:sp macro="" textlink="">
      <xdr:nvSpPr>
        <xdr:cNvPr id="381" name="n_4mainValue【福祉施設】&#10;一人当たり面積">
          <a:extLst>
            <a:ext uri="{FF2B5EF4-FFF2-40B4-BE49-F238E27FC236}">
              <a16:creationId xmlns:a16="http://schemas.microsoft.com/office/drawing/2014/main" id="{AE209A02-3725-4BE5-A96E-17D0C1F48F43}"/>
            </a:ext>
          </a:extLst>
        </xdr:cNvPr>
        <xdr:cNvSpPr txBox="1"/>
      </xdr:nvSpPr>
      <xdr:spPr>
        <a:xfrm>
          <a:off x="6737427"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2" name="正方形/長方形 381">
          <a:extLst>
            <a:ext uri="{FF2B5EF4-FFF2-40B4-BE49-F238E27FC236}">
              <a16:creationId xmlns:a16="http://schemas.microsoft.com/office/drawing/2014/main" id="{35B8DEB7-2A54-4B53-BAED-8575DD06D7C4}"/>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3" name="正方形/長方形 382">
          <a:extLst>
            <a:ext uri="{FF2B5EF4-FFF2-40B4-BE49-F238E27FC236}">
              <a16:creationId xmlns:a16="http://schemas.microsoft.com/office/drawing/2014/main" id="{C5B79BDF-954F-45BC-A890-1DD3897C79EC}"/>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4" name="正方形/長方形 383">
          <a:extLst>
            <a:ext uri="{FF2B5EF4-FFF2-40B4-BE49-F238E27FC236}">
              <a16:creationId xmlns:a16="http://schemas.microsoft.com/office/drawing/2014/main" id="{F0089A73-1CB5-45F0-9C3A-552504E80B02}"/>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5" name="正方形/長方形 384">
          <a:extLst>
            <a:ext uri="{FF2B5EF4-FFF2-40B4-BE49-F238E27FC236}">
              <a16:creationId xmlns:a16="http://schemas.microsoft.com/office/drawing/2014/main" id="{6F731489-CF82-4918-BF16-8A944A1FEA47}"/>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6" name="正方形/長方形 385">
          <a:extLst>
            <a:ext uri="{FF2B5EF4-FFF2-40B4-BE49-F238E27FC236}">
              <a16:creationId xmlns:a16="http://schemas.microsoft.com/office/drawing/2014/main" id="{F4D97508-2208-404B-B077-50FE204F6647}"/>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7" name="正方形/長方形 386">
          <a:extLst>
            <a:ext uri="{FF2B5EF4-FFF2-40B4-BE49-F238E27FC236}">
              <a16:creationId xmlns:a16="http://schemas.microsoft.com/office/drawing/2014/main" id="{02174C02-BBDA-4088-9D1C-4DA227AC8CE6}"/>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8" name="正方形/長方形 387">
          <a:extLst>
            <a:ext uri="{FF2B5EF4-FFF2-40B4-BE49-F238E27FC236}">
              <a16:creationId xmlns:a16="http://schemas.microsoft.com/office/drawing/2014/main" id="{A89C58E9-9C74-4741-832A-3A7B5BF9797B}"/>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9" name="正方形/長方形 388">
          <a:extLst>
            <a:ext uri="{FF2B5EF4-FFF2-40B4-BE49-F238E27FC236}">
              <a16:creationId xmlns:a16="http://schemas.microsoft.com/office/drawing/2014/main" id="{9A9C7EEC-187B-41AB-A7D3-8818889CEB4F}"/>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90" name="正方形/長方形 389">
          <a:extLst>
            <a:ext uri="{FF2B5EF4-FFF2-40B4-BE49-F238E27FC236}">
              <a16:creationId xmlns:a16="http://schemas.microsoft.com/office/drawing/2014/main" id="{27D0AA34-963A-4CFB-8059-8AF62F188B2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1" name="正方形/長方形 390">
          <a:extLst>
            <a:ext uri="{FF2B5EF4-FFF2-40B4-BE49-F238E27FC236}">
              <a16:creationId xmlns:a16="http://schemas.microsoft.com/office/drawing/2014/main" id="{B1D6646A-BA0D-4D1A-955B-92618AAAFFD9}"/>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2" name="正方形/長方形 391">
          <a:extLst>
            <a:ext uri="{FF2B5EF4-FFF2-40B4-BE49-F238E27FC236}">
              <a16:creationId xmlns:a16="http://schemas.microsoft.com/office/drawing/2014/main" id="{2794BE05-304D-4C17-9810-DB99E8FACCA8}"/>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3" name="正方形/長方形 392">
          <a:extLst>
            <a:ext uri="{FF2B5EF4-FFF2-40B4-BE49-F238E27FC236}">
              <a16:creationId xmlns:a16="http://schemas.microsoft.com/office/drawing/2014/main" id="{AE50271B-A9A8-4D22-8239-DDF0349213F8}"/>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4" name="正方形/長方形 393">
          <a:extLst>
            <a:ext uri="{FF2B5EF4-FFF2-40B4-BE49-F238E27FC236}">
              <a16:creationId xmlns:a16="http://schemas.microsoft.com/office/drawing/2014/main" id="{02F77F72-5791-46D3-A396-79EAB963AB6E}"/>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5" name="正方形/長方形 394">
          <a:extLst>
            <a:ext uri="{FF2B5EF4-FFF2-40B4-BE49-F238E27FC236}">
              <a16:creationId xmlns:a16="http://schemas.microsoft.com/office/drawing/2014/main" id="{DAEE235F-AD32-43B4-A255-430223F2D726}"/>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6" name="正方形/長方形 395">
          <a:extLst>
            <a:ext uri="{FF2B5EF4-FFF2-40B4-BE49-F238E27FC236}">
              <a16:creationId xmlns:a16="http://schemas.microsoft.com/office/drawing/2014/main" id="{712CE7B2-722F-4CF0-AD63-E3BAEBDA5599}"/>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7" name="正方形/長方形 396">
          <a:extLst>
            <a:ext uri="{FF2B5EF4-FFF2-40B4-BE49-F238E27FC236}">
              <a16:creationId xmlns:a16="http://schemas.microsoft.com/office/drawing/2014/main" id="{9AC7195F-D4BB-4ACA-A446-45378F106EE5}"/>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8" name="正方形/長方形 397">
          <a:extLst>
            <a:ext uri="{FF2B5EF4-FFF2-40B4-BE49-F238E27FC236}">
              <a16:creationId xmlns:a16="http://schemas.microsoft.com/office/drawing/2014/main" id="{5808A38A-3C76-4A1B-B02E-BF8262D8FEBF}"/>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9" name="正方形/長方形 398">
          <a:extLst>
            <a:ext uri="{FF2B5EF4-FFF2-40B4-BE49-F238E27FC236}">
              <a16:creationId xmlns:a16="http://schemas.microsoft.com/office/drawing/2014/main" id="{190B0704-66F5-49E8-94F3-3F126C875A82}"/>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00" name="正方形/長方形 399">
          <a:extLst>
            <a:ext uri="{FF2B5EF4-FFF2-40B4-BE49-F238E27FC236}">
              <a16:creationId xmlns:a16="http://schemas.microsoft.com/office/drawing/2014/main" id="{C5B017EA-456F-411C-8F5D-901C39D2A90D}"/>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1" name="正方形/長方形 400">
          <a:extLst>
            <a:ext uri="{FF2B5EF4-FFF2-40B4-BE49-F238E27FC236}">
              <a16:creationId xmlns:a16="http://schemas.microsoft.com/office/drawing/2014/main" id="{5139DE02-AB47-4438-8B77-6A61371E8210}"/>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2" name="正方形/長方形 401">
          <a:extLst>
            <a:ext uri="{FF2B5EF4-FFF2-40B4-BE49-F238E27FC236}">
              <a16:creationId xmlns:a16="http://schemas.microsoft.com/office/drawing/2014/main" id="{04042C5B-97E8-4241-8A92-1216F35EA07F}"/>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3" name="正方形/長方形 402">
          <a:extLst>
            <a:ext uri="{FF2B5EF4-FFF2-40B4-BE49-F238E27FC236}">
              <a16:creationId xmlns:a16="http://schemas.microsoft.com/office/drawing/2014/main" id="{7F545469-A785-46AF-843C-F8F88352A7BB}"/>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4" name="正方形/長方形 403">
          <a:extLst>
            <a:ext uri="{FF2B5EF4-FFF2-40B4-BE49-F238E27FC236}">
              <a16:creationId xmlns:a16="http://schemas.microsoft.com/office/drawing/2014/main" id="{525BB743-39F4-4E49-ADAB-3315D7FA6C6F}"/>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5" name="正方形/長方形 404">
          <a:extLst>
            <a:ext uri="{FF2B5EF4-FFF2-40B4-BE49-F238E27FC236}">
              <a16:creationId xmlns:a16="http://schemas.microsoft.com/office/drawing/2014/main" id="{21AD4DA7-0D9D-495D-A108-DEF283DDAAE8}"/>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6" name="テキスト ボックス 405">
          <a:extLst>
            <a:ext uri="{FF2B5EF4-FFF2-40B4-BE49-F238E27FC236}">
              <a16:creationId xmlns:a16="http://schemas.microsoft.com/office/drawing/2014/main" id="{694B6F60-325C-4CB7-B5B8-319A1892C37B}"/>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7" name="直線コネクタ 406">
          <a:extLst>
            <a:ext uri="{FF2B5EF4-FFF2-40B4-BE49-F238E27FC236}">
              <a16:creationId xmlns:a16="http://schemas.microsoft.com/office/drawing/2014/main" id="{10B7E254-860A-41A2-88A6-9EAB41BCB98F}"/>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8" name="テキスト ボックス 407">
          <a:extLst>
            <a:ext uri="{FF2B5EF4-FFF2-40B4-BE49-F238E27FC236}">
              <a16:creationId xmlns:a16="http://schemas.microsoft.com/office/drawing/2014/main" id="{8E2BB4D7-D0F5-464C-9B0B-C4E17CEF4F4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9" name="直線コネクタ 408">
          <a:extLst>
            <a:ext uri="{FF2B5EF4-FFF2-40B4-BE49-F238E27FC236}">
              <a16:creationId xmlns:a16="http://schemas.microsoft.com/office/drawing/2014/main" id="{BB87B64F-157C-462E-928A-1FD94A4864ED}"/>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10" name="テキスト ボックス 409">
          <a:extLst>
            <a:ext uri="{FF2B5EF4-FFF2-40B4-BE49-F238E27FC236}">
              <a16:creationId xmlns:a16="http://schemas.microsoft.com/office/drawing/2014/main" id="{C9107F5C-2DDE-4FB5-8268-453B055E1420}"/>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11" name="直線コネクタ 410">
          <a:extLst>
            <a:ext uri="{FF2B5EF4-FFF2-40B4-BE49-F238E27FC236}">
              <a16:creationId xmlns:a16="http://schemas.microsoft.com/office/drawing/2014/main" id="{B81FD722-C7A5-48B6-BF5B-3423148F33B2}"/>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12" name="テキスト ボックス 411">
          <a:extLst>
            <a:ext uri="{FF2B5EF4-FFF2-40B4-BE49-F238E27FC236}">
              <a16:creationId xmlns:a16="http://schemas.microsoft.com/office/drawing/2014/main" id="{17E7AF15-A9D6-404A-9812-56A637C6FA7D}"/>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3" name="直線コネクタ 412">
          <a:extLst>
            <a:ext uri="{FF2B5EF4-FFF2-40B4-BE49-F238E27FC236}">
              <a16:creationId xmlns:a16="http://schemas.microsoft.com/office/drawing/2014/main" id="{76ED5493-76D5-4009-91E4-F39E563B18EF}"/>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4" name="テキスト ボックス 413">
          <a:extLst>
            <a:ext uri="{FF2B5EF4-FFF2-40B4-BE49-F238E27FC236}">
              <a16:creationId xmlns:a16="http://schemas.microsoft.com/office/drawing/2014/main" id="{8567DEE8-8256-4249-BFFB-E9C022E03FAF}"/>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5" name="直線コネクタ 414">
          <a:extLst>
            <a:ext uri="{FF2B5EF4-FFF2-40B4-BE49-F238E27FC236}">
              <a16:creationId xmlns:a16="http://schemas.microsoft.com/office/drawing/2014/main" id="{DB27CCB1-1901-475A-B202-78AB8DEB26B5}"/>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6" name="テキスト ボックス 415">
          <a:extLst>
            <a:ext uri="{FF2B5EF4-FFF2-40B4-BE49-F238E27FC236}">
              <a16:creationId xmlns:a16="http://schemas.microsoft.com/office/drawing/2014/main" id="{41281B55-F503-4083-9481-0C4CD3FBC2F0}"/>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7" name="直線コネクタ 416">
          <a:extLst>
            <a:ext uri="{FF2B5EF4-FFF2-40B4-BE49-F238E27FC236}">
              <a16:creationId xmlns:a16="http://schemas.microsoft.com/office/drawing/2014/main" id="{6C6F2FF4-B7EA-42DA-986F-DC33F7CCB73C}"/>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8" name="テキスト ボックス 417">
          <a:extLst>
            <a:ext uri="{FF2B5EF4-FFF2-40B4-BE49-F238E27FC236}">
              <a16:creationId xmlns:a16="http://schemas.microsoft.com/office/drawing/2014/main" id="{E10DFE83-F6D5-4BE8-AF22-1C41510C1AF6}"/>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9" name="直線コネクタ 418">
          <a:extLst>
            <a:ext uri="{FF2B5EF4-FFF2-40B4-BE49-F238E27FC236}">
              <a16:creationId xmlns:a16="http://schemas.microsoft.com/office/drawing/2014/main" id="{B351836D-7000-46BE-ACD0-A9A4EAD0FF43}"/>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20" name="テキスト ボックス 419">
          <a:extLst>
            <a:ext uri="{FF2B5EF4-FFF2-40B4-BE49-F238E27FC236}">
              <a16:creationId xmlns:a16="http://schemas.microsoft.com/office/drawing/2014/main" id="{4FD0F90C-90C8-4A75-AB94-8D23F6B1B4F7}"/>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21" name="直線コネクタ 420">
          <a:extLst>
            <a:ext uri="{FF2B5EF4-FFF2-40B4-BE49-F238E27FC236}">
              <a16:creationId xmlns:a16="http://schemas.microsoft.com/office/drawing/2014/main" id="{F2F5BA7B-F888-4EA7-966A-D6F20D99567A}"/>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22" name="【一般廃棄物処理施設】&#10;有形固定資産減価償却率グラフ枠">
          <a:extLst>
            <a:ext uri="{FF2B5EF4-FFF2-40B4-BE49-F238E27FC236}">
              <a16:creationId xmlns:a16="http://schemas.microsoft.com/office/drawing/2014/main" id="{E4DA4C5D-92EB-48BA-BA07-1B86144B25D3}"/>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3543</xdr:rowOff>
    </xdr:from>
    <xdr:to>
      <xdr:col>85</xdr:col>
      <xdr:colOff>126364</xdr:colOff>
      <xdr:row>42</xdr:row>
      <xdr:rowOff>92528</xdr:rowOff>
    </xdr:to>
    <xdr:cxnSp macro="">
      <xdr:nvCxnSpPr>
        <xdr:cNvPr id="423" name="直線コネクタ 422">
          <a:extLst>
            <a:ext uri="{FF2B5EF4-FFF2-40B4-BE49-F238E27FC236}">
              <a16:creationId xmlns:a16="http://schemas.microsoft.com/office/drawing/2014/main" id="{B68D0075-63F4-4C67-B915-D079FD5B9244}"/>
            </a:ext>
          </a:extLst>
        </xdr:cNvPr>
        <xdr:cNvCxnSpPr/>
      </xdr:nvCxnSpPr>
      <xdr:spPr>
        <a:xfrm flipV="1">
          <a:off x="16318864" y="5701393"/>
          <a:ext cx="0" cy="1592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24" name="【一般廃棄物処理施設】&#10;有形固定資産減価償却率最小値テキスト">
          <a:extLst>
            <a:ext uri="{FF2B5EF4-FFF2-40B4-BE49-F238E27FC236}">
              <a16:creationId xmlns:a16="http://schemas.microsoft.com/office/drawing/2014/main" id="{B5BE3515-4499-4165-9634-82ABE0CB3A8C}"/>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5" name="直線コネクタ 424">
          <a:extLst>
            <a:ext uri="{FF2B5EF4-FFF2-40B4-BE49-F238E27FC236}">
              <a16:creationId xmlns:a16="http://schemas.microsoft.com/office/drawing/2014/main" id="{C7D7C801-A4A8-4C00-9760-AB9EC9DD4D66}"/>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1670</xdr:rowOff>
    </xdr:from>
    <xdr:ext cx="340478" cy="259045"/>
    <xdr:sp macro="" textlink="">
      <xdr:nvSpPr>
        <xdr:cNvPr id="426" name="【一般廃棄物処理施設】&#10;有形固定資産減価償却率最大値テキスト">
          <a:extLst>
            <a:ext uri="{FF2B5EF4-FFF2-40B4-BE49-F238E27FC236}">
              <a16:creationId xmlns:a16="http://schemas.microsoft.com/office/drawing/2014/main" id="{150E4187-A93A-4B73-9942-3E8C8E9D21AC}"/>
            </a:ext>
          </a:extLst>
        </xdr:cNvPr>
        <xdr:cNvSpPr txBox="1"/>
      </xdr:nvSpPr>
      <xdr:spPr>
        <a:xfrm>
          <a:off x="16357600" y="547662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3543</xdr:rowOff>
    </xdr:from>
    <xdr:to>
      <xdr:col>86</xdr:col>
      <xdr:colOff>25400</xdr:colOff>
      <xdr:row>33</xdr:row>
      <xdr:rowOff>43543</xdr:rowOff>
    </xdr:to>
    <xdr:cxnSp macro="">
      <xdr:nvCxnSpPr>
        <xdr:cNvPr id="427" name="直線コネクタ 426">
          <a:extLst>
            <a:ext uri="{FF2B5EF4-FFF2-40B4-BE49-F238E27FC236}">
              <a16:creationId xmlns:a16="http://schemas.microsoft.com/office/drawing/2014/main" id="{6F8FECA1-BF76-4505-967F-B1FA7579153A}"/>
            </a:ext>
          </a:extLst>
        </xdr:cNvPr>
        <xdr:cNvCxnSpPr/>
      </xdr:nvCxnSpPr>
      <xdr:spPr>
        <a:xfrm>
          <a:off x="16230600" y="5701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1393</xdr:rowOff>
    </xdr:from>
    <xdr:ext cx="405111" cy="259045"/>
    <xdr:sp macro="" textlink="">
      <xdr:nvSpPr>
        <xdr:cNvPr id="428" name="【一般廃棄物処理施設】&#10;有形固定資産減価償却率平均値テキスト">
          <a:extLst>
            <a:ext uri="{FF2B5EF4-FFF2-40B4-BE49-F238E27FC236}">
              <a16:creationId xmlns:a16="http://schemas.microsoft.com/office/drawing/2014/main" id="{68342414-920C-4A4B-88F9-9427EF2C103A}"/>
            </a:ext>
          </a:extLst>
        </xdr:cNvPr>
        <xdr:cNvSpPr txBox="1"/>
      </xdr:nvSpPr>
      <xdr:spPr>
        <a:xfrm>
          <a:off x="16357600" y="646504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2966</xdr:rowOff>
    </xdr:from>
    <xdr:to>
      <xdr:col>85</xdr:col>
      <xdr:colOff>177800</xdr:colOff>
      <xdr:row>38</xdr:row>
      <xdr:rowOff>73116</xdr:rowOff>
    </xdr:to>
    <xdr:sp macro="" textlink="">
      <xdr:nvSpPr>
        <xdr:cNvPr id="429" name="フローチャート: 判断 428">
          <a:extLst>
            <a:ext uri="{FF2B5EF4-FFF2-40B4-BE49-F238E27FC236}">
              <a16:creationId xmlns:a16="http://schemas.microsoft.com/office/drawing/2014/main" id="{533949CB-55B6-4BD0-AB7A-ECBF8D4563F6}"/>
            </a:ext>
          </a:extLst>
        </xdr:cNvPr>
        <xdr:cNvSpPr/>
      </xdr:nvSpPr>
      <xdr:spPr>
        <a:xfrm>
          <a:off x="16268700" y="648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56424</xdr:rowOff>
    </xdr:from>
    <xdr:to>
      <xdr:col>81</xdr:col>
      <xdr:colOff>101600</xdr:colOff>
      <xdr:row>38</xdr:row>
      <xdr:rowOff>158024</xdr:rowOff>
    </xdr:to>
    <xdr:sp macro="" textlink="">
      <xdr:nvSpPr>
        <xdr:cNvPr id="430" name="フローチャート: 判断 429">
          <a:extLst>
            <a:ext uri="{FF2B5EF4-FFF2-40B4-BE49-F238E27FC236}">
              <a16:creationId xmlns:a16="http://schemas.microsoft.com/office/drawing/2014/main" id="{2BD325A9-61B4-4FEB-B5A1-EA9FF2365833}"/>
            </a:ext>
          </a:extLst>
        </xdr:cNvPr>
        <xdr:cNvSpPr/>
      </xdr:nvSpPr>
      <xdr:spPr>
        <a:xfrm>
          <a:off x="15430500" y="657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98878</xdr:rowOff>
    </xdr:from>
    <xdr:to>
      <xdr:col>76</xdr:col>
      <xdr:colOff>165100</xdr:colOff>
      <xdr:row>39</xdr:row>
      <xdr:rowOff>29028</xdr:rowOff>
    </xdr:to>
    <xdr:sp macro="" textlink="">
      <xdr:nvSpPr>
        <xdr:cNvPr id="431" name="フローチャート: 判断 430">
          <a:extLst>
            <a:ext uri="{FF2B5EF4-FFF2-40B4-BE49-F238E27FC236}">
              <a16:creationId xmlns:a16="http://schemas.microsoft.com/office/drawing/2014/main" id="{60C7E5AC-28E5-456A-B1AB-B06A183DB282}"/>
            </a:ext>
          </a:extLst>
        </xdr:cNvPr>
        <xdr:cNvSpPr/>
      </xdr:nvSpPr>
      <xdr:spPr>
        <a:xfrm>
          <a:off x="14541500" y="6613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90715</xdr:rowOff>
    </xdr:from>
    <xdr:to>
      <xdr:col>72</xdr:col>
      <xdr:colOff>38100</xdr:colOff>
      <xdr:row>39</xdr:row>
      <xdr:rowOff>20865</xdr:rowOff>
    </xdr:to>
    <xdr:sp macro="" textlink="">
      <xdr:nvSpPr>
        <xdr:cNvPr id="432" name="フローチャート: 判断 431">
          <a:extLst>
            <a:ext uri="{FF2B5EF4-FFF2-40B4-BE49-F238E27FC236}">
              <a16:creationId xmlns:a16="http://schemas.microsoft.com/office/drawing/2014/main" id="{9E1F7739-CF00-41F4-9BA8-35B24B132D1D}"/>
            </a:ext>
          </a:extLst>
        </xdr:cNvPr>
        <xdr:cNvSpPr/>
      </xdr:nvSpPr>
      <xdr:spPr>
        <a:xfrm>
          <a:off x="13652500" y="6605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5806</xdr:rowOff>
    </xdr:from>
    <xdr:to>
      <xdr:col>67</xdr:col>
      <xdr:colOff>101600</xdr:colOff>
      <xdr:row>38</xdr:row>
      <xdr:rowOff>107406</xdr:rowOff>
    </xdr:to>
    <xdr:sp macro="" textlink="">
      <xdr:nvSpPr>
        <xdr:cNvPr id="433" name="フローチャート: 判断 432">
          <a:extLst>
            <a:ext uri="{FF2B5EF4-FFF2-40B4-BE49-F238E27FC236}">
              <a16:creationId xmlns:a16="http://schemas.microsoft.com/office/drawing/2014/main" id="{931F17C6-9608-40E2-8738-1CBBEF025A9A}"/>
            </a:ext>
          </a:extLst>
        </xdr:cNvPr>
        <xdr:cNvSpPr/>
      </xdr:nvSpPr>
      <xdr:spPr>
        <a:xfrm>
          <a:off x="12763500" y="6520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id="{E357C904-016D-4D2E-B023-6474FB828838}"/>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9666B745-87D8-458B-8051-2CC38BC0CB52}"/>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6" name="テキスト ボックス 435">
          <a:extLst>
            <a:ext uri="{FF2B5EF4-FFF2-40B4-BE49-F238E27FC236}">
              <a16:creationId xmlns:a16="http://schemas.microsoft.com/office/drawing/2014/main" id="{28DC0C5C-BE6E-4053-B8CE-D203EAF28DAE}"/>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7" name="テキスト ボックス 436">
          <a:extLst>
            <a:ext uri="{FF2B5EF4-FFF2-40B4-BE49-F238E27FC236}">
              <a16:creationId xmlns:a16="http://schemas.microsoft.com/office/drawing/2014/main" id="{9CE62417-877F-4F9D-8D93-8BF3A7B18B1C}"/>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8" name="テキスト ボックス 437">
          <a:extLst>
            <a:ext uri="{FF2B5EF4-FFF2-40B4-BE49-F238E27FC236}">
              <a16:creationId xmlns:a16="http://schemas.microsoft.com/office/drawing/2014/main" id="{11D40DED-BE57-49BB-8090-9F85751AAD97}"/>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65826</xdr:rowOff>
    </xdr:from>
    <xdr:to>
      <xdr:col>85</xdr:col>
      <xdr:colOff>177800</xdr:colOff>
      <xdr:row>35</xdr:row>
      <xdr:rowOff>95976</xdr:rowOff>
    </xdr:to>
    <xdr:sp macro="" textlink="">
      <xdr:nvSpPr>
        <xdr:cNvPr id="439" name="楕円 438">
          <a:extLst>
            <a:ext uri="{FF2B5EF4-FFF2-40B4-BE49-F238E27FC236}">
              <a16:creationId xmlns:a16="http://schemas.microsoft.com/office/drawing/2014/main" id="{1AEED59A-86B5-4DFE-9AF3-8E7BDA59F4D4}"/>
            </a:ext>
          </a:extLst>
        </xdr:cNvPr>
        <xdr:cNvSpPr/>
      </xdr:nvSpPr>
      <xdr:spPr>
        <a:xfrm>
          <a:off x="16268700" y="5995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7253</xdr:rowOff>
    </xdr:from>
    <xdr:ext cx="405111" cy="259045"/>
    <xdr:sp macro="" textlink="">
      <xdr:nvSpPr>
        <xdr:cNvPr id="440" name="【一般廃棄物処理施設】&#10;有形固定資産減価償却率該当値テキスト">
          <a:extLst>
            <a:ext uri="{FF2B5EF4-FFF2-40B4-BE49-F238E27FC236}">
              <a16:creationId xmlns:a16="http://schemas.microsoft.com/office/drawing/2014/main" id="{D3ADF0F1-5E71-436B-8A1D-7DF406239D70}"/>
            </a:ext>
          </a:extLst>
        </xdr:cNvPr>
        <xdr:cNvSpPr txBox="1"/>
      </xdr:nvSpPr>
      <xdr:spPr>
        <a:xfrm>
          <a:off x="16357600" y="5846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79284</xdr:rowOff>
    </xdr:from>
    <xdr:to>
      <xdr:col>81</xdr:col>
      <xdr:colOff>101600</xdr:colOff>
      <xdr:row>35</xdr:row>
      <xdr:rowOff>9434</xdr:rowOff>
    </xdr:to>
    <xdr:sp macro="" textlink="">
      <xdr:nvSpPr>
        <xdr:cNvPr id="441" name="楕円 440">
          <a:extLst>
            <a:ext uri="{FF2B5EF4-FFF2-40B4-BE49-F238E27FC236}">
              <a16:creationId xmlns:a16="http://schemas.microsoft.com/office/drawing/2014/main" id="{CF795AC9-32D8-4B93-85C7-116102C84C41}"/>
            </a:ext>
          </a:extLst>
        </xdr:cNvPr>
        <xdr:cNvSpPr/>
      </xdr:nvSpPr>
      <xdr:spPr>
        <a:xfrm>
          <a:off x="15430500" y="5908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130084</xdr:rowOff>
    </xdr:from>
    <xdr:to>
      <xdr:col>85</xdr:col>
      <xdr:colOff>127000</xdr:colOff>
      <xdr:row>35</xdr:row>
      <xdr:rowOff>45176</xdr:rowOff>
    </xdr:to>
    <xdr:cxnSp macro="">
      <xdr:nvCxnSpPr>
        <xdr:cNvPr id="442" name="直線コネクタ 441">
          <a:extLst>
            <a:ext uri="{FF2B5EF4-FFF2-40B4-BE49-F238E27FC236}">
              <a16:creationId xmlns:a16="http://schemas.microsoft.com/office/drawing/2014/main" id="{32472225-F1BA-4487-9E36-9A082CCED281}"/>
            </a:ext>
          </a:extLst>
        </xdr:cNvPr>
        <xdr:cNvCxnSpPr/>
      </xdr:nvCxnSpPr>
      <xdr:spPr>
        <a:xfrm>
          <a:off x="15481300" y="5959384"/>
          <a:ext cx="838200" cy="86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49151</xdr:rowOff>
    </xdr:from>
    <xdr:ext cx="405111" cy="259045"/>
    <xdr:sp macro="" textlink="">
      <xdr:nvSpPr>
        <xdr:cNvPr id="443" name="n_1aveValue【一般廃棄物処理施設】&#10;有形固定資産減価償却率">
          <a:extLst>
            <a:ext uri="{FF2B5EF4-FFF2-40B4-BE49-F238E27FC236}">
              <a16:creationId xmlns:a16="http://schemas.microsoft.com/office/drawing/2014/main" id="{88FCE926-D969-40C2-BFB1-8AD9F4C27B52}"/>
            </a:ext>
          </a:extLst>
        </xdr:cNvPr>
        <xdr:cNvSpPr txBox="1"/>
      </xdr:nvSpPr>
      <xdr:spPr>
        <a:xfrm>
          <a:off x="15266044" y="6664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45555</xdr:rowOff>
    </xdr:from>
    <xdr:ext cx="405111" cy="259045"/>
    <xdr:sp macro="" textlink="">
      <xdr:nvSpPr>
        <xdr:cNvPr id="444" name="n_2aveValue【一般廃棄物処理施設】&#10;有形固定資産減価償却率">
          <a:extLst>
            <a:ext uri="{FF2B5EF4-FFF2-40B4-BE49-F238E27FC236}">
              <a16:creationId xmlns:a16="http://schemas.microsoft.com/office/drawing/2014/main" id="{D05F5BDF-5486-4876-9B64-5D1E729B96B9}"/>
            </a:ext>
          </a:extLst>
        </xdr:cNvPr>
        <xdr:cNvSpPr txBox="1"/>
      </xdr:nvSpPr>
      <xdr:spPr>
        <a:xfrm>
          <a:off x="14389744" y="63892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37391</xdr:rowOff>
    </xdr:from>
    <xdr:ext cx="405111" cy="259045"/>
    <xdr:sp macro="" textlink="">
      <xdr:nvSpPr>
        <xdr:cNvPr id="445" name="n_3aveValue【一般廃棄物処理施設】&#10;有形固定資産減価償却率">
          <a:extLst>
            <a:ext uri="{FF2B5EF4-FFF2-40B4-BE49-F238E27FC236}">
              <a16:creationId xmlns:a16="http://schemas.microsoft.com/office/drawing/2014/main" id="{9D22482E-E590-4159-BD8E-D10E22D9181F}"/>
            </a:ext>
          </a:extLst>
        </xdr:cNvPr>
        <xdr:cNvSpPr txBox="1"/>
      </xdr:nvSpPr>
      <xdr:spPr>
        <a:xfrm>
          <a:off x="13500744" y="6381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23933</xdr:rowOff>
    </xdr:from>
    <xdr:ext cx="405111" cy="259045"/>
    <xdr:sp macro="" textlink="">
      <xdr:nvSpPr>
        <xdr:cNvPr id="446" name="n_4aveValue【一般廃棄物処理施設】&#10;有形固定資産減価償却率">
          <a:extLst>
            <a:ext uri="{FF2B5EF4-FFF2-40B4-BE49-F238E27FC236}">
              <a16:creationId xmlns:a16="http://schemas.microsoft.com/office/drawing/2014/main" id="{7D37548F-B8B6-415C-BAA0-6FA23FBEECEC}"/>
            </a:ext>
          </a:extLst>
        </xdr:cNvPr>
        <xdr:cNvSpPr txBox="1"/>
      </xdr:nvSpPr>
      <xdr:spPr>
        <a:xfrm>
          <a:off x="12611744" y="6296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25961</xdr:rowOff>
    </xdr:from>
    <xdr:ext cx="405111" cy="259045"/>
    <xdr:sp macro="" textlink="">
      <xdr:nvSpPr>
        <xdr:cNvPr id="447" name="n_1mainValue【一般廃棄物処理施設】&#10;有形固定資産減価償却率">
          <a:extLst>
            <a:ext uri="{FF2B5EF4-FFF2-40B4-BE49-F238E27FC236}">
              <a16:creationId xmlns:a16="http://schemas.microsoft.com/office/drawing/2014/main" id="{2C153794-244D-4CA6-AA80-D779827C728B}"/>
            </a:ext>
          </a:extLst>
        </xdr:cNvPr>
        <xdr:cNvSpPr txBox="1"/>
      </xdr:nvSpPr>
      <xdr:spPr>
        <a:xfrm>
          <a:off x="15266044" y="56838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8" name="正方形/長方形 447">
          <a:extLst>
            <a:ext uri="{FF2B5EF4-FFF2-40B4-BE49-F238E27FC236}">
              <a16:creationId xmlns:a16="http://schemas.microsoft.com/office/drawing/2014/main" id="{4F43F4C9-B6F9-4923-B06F-A38DB97408A1}"/>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9" name="正方形/長方形 448">
          <a:extLst>
            <a:ext uri="{FF2B5EF4-FFF2-40B4-BE49-F238E27FC236}">
              <a16:creationId xmlns:a16="http://schemas.microsoft.com/office/drawing/2014/main" id="{B5CC171A-44CD-47DE-93BC-325F7BB5C8A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0" name="正方形/長方形 449">
          <a:extLst>
            <a:ext uri="{FF2B5EF4-FFF2-40B4-BE49-F238E27FC236}">
              <a16:creationId xmlns:a16="http://schemas.microsoft.com/office/drawing/2014/main" id="{C0543107-F36F-4310-8B6A-742C56309A25}"/>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1" name="正方形/長方形 450">
          <a:extLst>
            <a:ext uri="{FF2B5EF4-FFF2-40B4-BE49-F238E27FC236}">
              <a16:creationId xmlns:a16="http://schemas.microsoft.com/office/drawing/2014/main" id="{DB496513-25D8-45BA-9703-B21C6E30FB2F}"/>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2" name="正方形/長方形 451">
          <a:extLst>
            <a:ext uri="{FF2B5EF4-FFF2-40B4-BE49-F238E27FC236}">
              <a16:creationId xmlns:a16="http://schemas.microsoft.com/office/drawing/2014/main" id="{DB57C321-F8A5-40C6-8E93-E66726594AF4}"/>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3" name="正方形/長方形 452">
          <a:extLst>
            <a:ext uri="{FF2B5EF4-FFF2-40B4-BE49-F238E27FC236}">
              <a16:creationId xmlns:a16="http://schemas.microsoft.com/office/drawing/2014/main" id="{A9AC77AB-DD17-4542-8CF5-7DE1EC3FAF0A}"/>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4" name="正方形/長方形 453">
          <a:extLst>
            <a:ext uri="{FF2B5EF4-FFF2-40B4-BE49-F238E27FC236}">
              <a16:creationId xmlns:a16="http://schemas.microsoft.com/office/drawing/2014/main" id="{FF3ECBB4-330D-4E5A-ABAD-07EC2D60F8EE}"/>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5" name="正方形/長方形 454">
          <a:extLst>
            <a:ext uri="{FF2B5EF4-FFF2-40B4-BE49-F238E27FC236}">
              <a16:creationId xmlns:a16="http://schemas.microsoft.com/office/drawing/2014/main" id="{53B5B7DB-D25E-4FB2-8997-5717E1FE956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6" name="テキスト ボックス 455">
          <a:extLst>
            <a:ext uri="{FF2B5EF4-FFF2-40B4-BE49-F238E27FC236}">
              <a16:creationId xmlns:a16="http://schemas.microsoft.com/office/drawing/2014/main" id="{E6A8014D-63F6-4E2A-8373-5D7EFA495FC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7" name="直線コネクタ 456">
          <a:extLst>
            <a:ext uri="{FF2B5EF4-FFF2-40B4-BE49-F238E27FC236}">
              <a16:creationId xmlns:a16="http://schemas.microsoft.com/office/drawing/2014/main" id="{427FB2D4-F7A7-424E-8C7C-A3145AAF8969}"/>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58" name="直線コネクタ 457">
          <a:extLst>
            <a:ext uri="{FF2B5EF4-FFF2-40B4-BE49-F238E27FC236}">
              <a16:creationId xmlns:a16="http://schemas.microsoft.com/office/drawing/2014/main" id="{EE58323C-516C-45C2-9147-1CC0E4C9B5A9}"/>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59" name="テキスト ボックス 458">
          <a:extLst>
            <a:ext uri="{FF2B5EF4-FFF2-40B4-BE49-F238E27FC236}">
              <a16:creationId xmlns:a16="http://schemas.microsoft.com/office/drawing/2014/main" id="{795A4CC2-144B-4A5F-9F18-4EBB72038629}"/>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0" name="直線コネクタ 459">
          <a:extLst>
            <a:ext uri="{FF2B5EF4-FFF2-40B4-BE49-F238E27FC236}">
              <a16:creationId xmlns:a16="http://schemas.microsoft.com/office/drawing/2014/main" id="{8970471E-9CA9-40E0-A20C-65E2007D3C79}"/>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29227</xdr:rowOff>
    </xdr:from>
    <xdr:ext cx="595419" cy="259045"/>
    <xdr:sp macro="" textlink="">
      <xdr:nvSpPr>
        <xdr:cNvPr id="461" name="テキスト ボックス 460">
          <a:extLst>
            <a:ext uri="{FF2B5EF4-FFF2-40B4-BE49-F238E27FC236}">
              <a16:creationId xmlns:a16="http://schemas.microsoft.com/office/drawing/2014/main" id="{62115C82-B2AB-4209-A0F1-87B0B8D3B934}"/>
            </a:ext>
          </a:extLst>
        </xdr:cNvPr>
        <xdr:cNvSpPr txBox="1"/>
      </xdr:nvSpPr>
      <xdr:spPr>
        <a:xfrm>
          <a:off x="17692581" y="671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2" name="直線コネクタ 461">
          <a:extLst>
            <a:ext uri="{FF2B5EF4-FFF2-40B4-BE49-F238E27FC236}">
              <a16:creationId xmlns:a16="http://schemas.microsoft.com/office/drawing/2014/main" id="{8EB137C7-8A9D-4A68-987E-CB2B5DC4CBE3}"/>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6</xdr:row>
      <xdr:rowOff>162577</xdr:rowOff>
    </xdr:from>
    <xdr:ext cx="685572" cy="259045"/>
    <xdr:sp macro="" textlink="">
      <xdr:nvSpPr>
        <xdr:cNvPr id="463" name="テキスト ボックス 462">
          <a:extLst>
            <a:ext uri="{FF2B5EF4-FFF2-40B4-BE49-F238E27FC236}">
              <a16:creationId xmlns:a16="http://schemas.microsoft.com/office/drawing/2014/main" id="{AFB14EE5-FD13-4124-A2FF-1DBB0155CA00}"/>
            </a:ext>
          </a:extLst>
        </xdr:cNvPr>
        <xdr:cNvSpPr txBox="1"/>
      </xdr:nvSpPr>
      <xdr:spPr>
        <a:xfrm>
          <a:off x="17602428" y="633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4" name="直線コネクタ 463">
          <a:extLst>
            <a:ext uri="{FF2B5EF4-FFF2-40B4-BE49-F238E27FC236}">
              <a16:creationId xmlns:a16="http://schemas.microsoft.com/office/drawing/2014/main" id="{0FAD1F9E-3600-44B5-AA72-D9B94F3FC489}"/>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4</xdr:row>
      <xdr:rowOff>124477</xdr:rowOff>
    </xdr:from>
    <xdr:ext cx="685572" cy="259045"/>
    <xdr:sp macro="" textlink="">
      <xdr:nvSpPr>
        <xdr:cNvPr id="465" name="テキスト ボックス 464">
          <a:extLst>
            <a:ext uri="{FF2B5EF4-FFF2-40B4-BE49-F238E27FC236}">
              <a16:creationId xmlns:a16="http://schemas.microsoft.com/office/drawing/2014/main" id="{8CDCC2F1-853E-4779-9C4A-E890B65B6C1F}"/>
            </a:ext>
          </a:extLst>
        </xdr:cNvPr>
        <xdr:cNvSpPr txBox="1"/>
      </xdr:nvSpPr>
      <xdr:spPr>
        <a:xfrm>
          <a:off x="17602428" y="595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6" name="直線コネクタ 465">
          <a:extLst>
            <a:ext uri="{FF2B5EF4-FFF2-40B4-BE49-F238E27FC236}">
              <a16:creationId xmlns:a16="http://schemas.microsoft.com/office/drawing/2014/main" id="{E44CB286-E70D-4D24-8414-D1C18A413541}"/>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2</xdr:row>
      <xdr:rowOff>86377</xdr:rowOff>
    </xdr:from>
    <xdr:ext cx="685572" cy="259045"/>
    <xdr:sp macro="" textlink="">
      <xdr:nvSpPr>
        <xdr:cNvPr id="467" name="テキスト ボックス 466">
          <a:extLst>
            <a:ext uri="{FF2B5EF4-FFF2-40B4-BE49-F238E27FC236}">
              <a16:creationId xmlns:a16="http://schemas.microsoft.com/office/drawing/2014/main" id="{3DCA0E83-C8E0-4F88-8139-39344B62959B}"/>
            </a:ext>
          </a:extLst>
        </xdr:cNvPr>
        <xdr:cNvSpPr txBox="1"/>
      </xdr:nvSpPr>
      <xdr:spPr>
        <a:xfrm>
          <a:off x="17602428" y="557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8" name="直線コネクタ 467">
          <a:extLst>
            <a:ext uri="{FF2B5EF4-FFF2-40B4-BE49-F238E27FC236}">
              <a16:creationId xmlns:a16="http://schemas.microsoft.com/office/drawing/2014/main" id="{884DBDD8-45F0-44D9-9CE7-0270C47F2853}"/>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30</xdr:row>
      <xdr:rowOff>48277</xdr:rowOff>
    </xdr:from>
    <xdr:ext cx="685572" cy="259045"/>
    <xdr:sp macro="" textlink="">
      <xdr:nvSpPr>
        <xdr:cNvPr id="469" name="テキスト ボックス 468">
          <a:extLst>
            <a:ext uri="{FF2B5EF4-FFF2-40B4-BE49-F238E27FC236}">
              <a16:creationId xmlns:a16="http://schemas.microsoft.com/office/drawing/2014/main" id="{A768952E-99B5-4EA2-A1B6-415AB184784C}"/>
            </a:ext>
          </a:extLst>
        </xdr:cNvPr>
        <xdr:cNvSpPr txBox="1"/>
      </xdr:nvSpPr>
      <xdr:spPr>
        <a:xfrm>
          <a:off x="17602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0" name="【一般廃棄物処理施設】&#10;一人当たり有形固定資産（償却資産）額グラフ枠">
          <a:extLst>
            <a:ext uri="{FF2B5EF4-FFF2-40B4-BE49-F238E27FC236}">
              <a16:creationId xmlns:a16="http://schemas.microsoft.com/office/drawing/2014/main" id="{C89CA6B8-1D54-4DBC-BE2C-1E17162F0725}"/>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3254</xdr:rowOff>
    </xdr:from>
    <xdr:to>
      <xdr:col>116</xdr:col>
      <xdr:colOff>62864</xdr:colOff>
      <xdr:row>42</xdr:row>
      <xdr:rowOff>37993</xdr:rowOff>
    </xdr:to>
    <xdr:cxnSp macro="">
      <xdr:nvCxnSpPr>
        <xdr:cNvPr id="471" name="直線コネクタ 470">
          <a:extLst>
            <a:ext uri="{FF2B5EF4-FFF2-40B4-BE49-F238E27FC236}">
              <a16:creationId xmlns:a16="http://schemas.microsoft.com/office/drawing/2014/main" id="{D666E8BA-15A3-4257-95A6-1034721D9D57}"/>
            </a:ext>
          </a:extLst>
        </xdr:cNvPr>
        <xdr:cNvCxnSpPr/>
      </xdr:nvCxnSpPr>
      <xdr:spPr>
        <a:xfrm flipV="1">
          <a:off x="22160864" y="5741104"/>
          <a:ext cx="0" cy="14977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41820</xdr:rowOff>
    </xdr:from>
    <xdr:ext cx="378565" cy="259045"/>
    <xdr:sp macro="" textlink="">
      <xdr:nvSpPr>
        <xdr:cNvPr id="472" name="【一般廃棄物処理施設】&#10;一人当たり有形固定資産（償却資産）額最小値テキスト">
          <a:extLst>
            <a:ext uri="{FF2B5EF4-FFF2-40B4-BE49-F238E27FC236}">
              <a16:creationId xmlns:a16="http://schemas.microsoft.com/office/drawing/2014/main" id="{FC5779D0-9DE2-4331-A79E-78E2F8DEC8DA}"/>
            </a:ext>
          </a:extLst>
        </xdr:cNvPr>
        <xdr:cNvSpPr txBox="1"/>
      </xdr:nvSpPr>
      <xdr:spPr>
        <a:xfrm>
          <a:off x="22199600" y="72427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37993</xdr:rowOff>
    </xdr:from>
    <xdr:to>
      <xdr:col>116</xdr:col>
      <xdr:colOff>152400</xdr:colOff>
      <xdr:row>42</xdr:row>
      <xdr:rowOff>37993</xdr:rowOff>
    </xdr:to>
    <xdr:cxnSp macro="">
      <xdr:nvCxnSpPr>
        <xdr:cNvPr id="473" name="直線コネクタ 472">
          <a:extLst>
            <a:ext uri="{FF2B5EF4-FFF2-40B4-BE49-F238E27FC236}">
              <a16:creationId xmlns:a16="http://schemas.microsoft.com/office/drawing/2014/main" id="{A019DE13-C21C-4D53-B2E0-51C11CA65D7F}"/>
            </a:ext>
          </a:extLst>
        </xdr:cNvPr>
        <xdr:cNvCxnSpPr/>
      </xdr:nvCxnSpPr>
      <xdr:spPr>
        <a:xfrm>
          <a:off x="22072600" y="7238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29931</xdr:rowOff>
    </xdr:from>
    <xdr:ext cx="690189" cy="259045"/>
    <xdr:sp macro="" textlink="">
      <xdr:nvSpPr>
        <xdr:cNvPr id="474" name="【一般廃棄物処理施設】&#10;一人当たり有形固定資産（償却資産）額最大値テキスト">
          <a:extLst>
            <a:ext uri="{FF2B5EF4-FFF2-40B4-BE49-F238E27FC236}">
              <a16:creationId xmlns:a16="http://schemas.microsoft.com/office/drawing/2014/main" id="{D2BFAF49-36A7-4F71-B331-B0A5B1F7C7B5}"/>
            </a:ext>
          </a:extLst>
        </xdr:cNvPr>
        <xdr:cNvSpPr txBox="1"/>
      </xdr:nvSpPr>
      <xdr:spPr>
        <a:xfrm>
          <a:off x="22199600" y="551633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5,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3254</xdr:rowOff>
    </xdr:from>
    <xdr:to>
      <xdr:col>116</xdr:col>
      <xdr:colOff>152400</xdr:colOff>
      <xdr:row>33</xdr:row>
      <xdr:rowOff>83254</xdr:rowOff>
    </xdr:to>
    <xdr:cxnSp macro="">
      <xdr:nvCxnSpPr>
        <xdr:cNvPr id="475" name="直線コネクタ 474">
          <a:extLst>
            <a:ext uri="{FF2B5EF4-FFF2-40B4-BE49-F238E27FC236}">
              <a16:creationId xmlns:a16="http://schemas.microsoft.com/office/drawing/2014/main" id="{E6B1CE5D-6D65-4414-B61E-EAB30F538441}"/>
            </a:ext>
          </a:extLst>
        </xdr:cNvPr>
        <xdr:cNvCxnSpPr/>
      </xdr:nvCxnSpPr>
      <xdr:spPr>
        <a:xfrm>
          <a:off x="22072600" y="57411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898</xdr:rowOff>
    </xdr:from>
    <xdr:ext cx="599010" cy="259045"/>
    <xdr:sp macro="" textlink="">
      <xdr:nvSpPr>
        <xdr:cNvPr id="476" name="【一般廃棄物処理施設】&#10;一人当たり有形固定資産（償却資産）額平均値テキスト">
          <a:extLst>
            <a:ext uri="{FF2B5EF4-FFF2-40B4-BE49-F238E27FC236}">
              <a16:creationId xmlns:a16="http://schemas.microsoft.com/office/drawing/2014/main" id="{1A2F6D08-8073-4B11-9AFC-D6226652622D}"/>
            </a:ext>
          </a:extLst>
        </xdr:cNvPr>
        <xdr:cNvSpPr txBox="1"/>
      </xdr:nvSpPr>
      <xdr:spPr>
        <a:xfrm>
          <a:off x="22199600" y="704234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34471</xdr:rowOff>
    </xdr:from>
    <xdr:to>
      <xdr:col>116</xdr:col>
      <xdr:colOff>114300</xdr:colOff>
      <xdr:row>41</xdr:row>
      <xdr:rowOff>136071</xdr:rowOff>
    </xdr:to>
    <xdr:sp macro="" textlink="">
      <xdr:nvSpPr>
        <xdr:cNvPr id="477" name="フローチャート: 判断 476">
          <a:extLst>
            <a:ext uri="{FF2B5EF4-FFF2-40B4-BE49-F238E27FC236}">
              <a16:creationId xmlns:a16="http://schemas.microsoft.com/office/drawing/2014/main" id="{526588D3-8E4B-48B6-BBED-9F5E2F86D1DA}"/>
            </a:ext>
          </a:extLst>
        </xdr:cNvPr>
        <xdr:cNvSpPr/>
      </xdr:nvSpPr>
      <xdr:spPr>
        <a:xfrm>
          <a:off x="22110700" y="7063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1</xdr:row>
      <xdr:rowOff>55885</xdr:rowOff>
    </xdr:from>
    <xdr:to>
      <xdr:col>112</xdr:col>
      <xdr:colOff>38100</xdr:colOff>
      <xdr:row>41</xdr:row>
      <xdr:rowOff>157485</xdr:rowOff>
    </xdr:to>
    <xdr:sp macro="" textlink="">
      <xdr:nvSpPr>
        <xdr:cNvPr id="478" name="フローチャート: 判断 477">
          <a:extLst>
            <a:ext uri="{FF2B5EF4-FFF2-40B4-BE49-F238E27FC236}">
              <a16:creationId xmlns:a16="http://schemas.microsoft.com/office/drawing/2014/main" id="{528CF4E9-E802-4090-978B-E0B3AED86445}"/>
            </a:ext>
          </a:extLst>
        </xdr:cNvPr>
        <xdr:cNvSpPr/>
      </xdr:nvSpPr>
      <xdr:spPr>
        <a:xfrm>
          <a:off x="21272500" y="7085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1</xdr:row>
      <xdr:rowOff>68901</xdr:rowOff>
    </xdr:from>
    <xdr:to>
      <xdr:col>107</xdr:col>
      <xdr:colOff>101600</xdr:colOff>
      <xdr:row>41</xdr:row>
      <xdr:rowOff>170501</xdr:rowOff>
    </xdr:to>
    <xdr:sp macro="" textlink="">
      <xdr:nvSpPr>
        <xdr:cNvPr id="479" name="フローチャート: 判断 478">
          <a:extLst>
            <a:ext uri="{FF2B5EF4-FFF2-40B4-BE49-F238E27FC236}">
              <a16:creationId xmlns:a16="http://schemas.microsoft.com/office/drawing/2014/main" id="{F1AD54C7-DA9F-4D5F-B53F-ED66B7335361}"/>
            </a:ext>
          </a:extLst>
        </xdr:cNvPr>
        <xdr:cNvSpPr/>
      </xdr:nvSpPr>
      <xdr:spPr>
        <a:xfrm>
          <a:off x="20383500" y="709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1</xdr:row>
      <xdr:rowOff>62220</xdr:rowOff>
    </xdr:from>
    <xdr:to>
      <xdr:col>102</xdr:col>
      <xdr:colOff>165100</xdr:colOff>
      <xdr:row>41</xdr:row>
      <xdr:rowOff>163820</xdr:rowOff>
    </xdr:to>
    <xdr:sp macro="" textlink="">
      <xdr:nvSpPr>
        <xdr:cNvPr id="480" name="フローチャート: 判断 479">
          <a:extLst>
            <a:ext uri="{FF2B5EF4-FFF2-40B4-BE49-F238E27FC236}">
              <a16:creationId xmlns:a16="http://schemas.microsoft.com/office/drawing/2014/main" id="{96B41775-1B17-4A97-8E58-43D343A38A4B}"/>
            </a:ext>
          </a:extLst>
        </xdr:cNvPr>
        <xdr:cNvSpPr/>
      </xdr:nvSpPr>
      <xdr:spPr>
        <a:xfrm>
          <a:off x="19494500" y="7091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1</xdr:row>
      <xdr:rowOff>55644</xdr:rowOff>
    </xdr:from>
    <xdr:to>
      <xdr:col>98</xdr:col>
      <xdr:colOff>38100</xdr:colOff>
      <xdr:row>41</xdr:row>
      <xdr:rowOff>157244</xdr:rowOff>
    </xdr:to>
    <xdr:sp macro="" textlink="">
      <xdr:nvSpPr>
        <xdr:cNvPr id="481" name="フローチャート: 判断 480">
          <a:extLst>
            <a:ext uri="{FF2B5EF4-FFF2-40B4-BE49-F238E27FC236}">
              <a16:creationId xmlns:a16="http://schemas.microsoft.com/office/drawing/2014/main" id="{8C9499D8-CC87-4305-970A-A140C165E5D7}"/>
            </a:ext>
          </a:extLst>
        </xdr:cNvPr>
        <xdr:cNvSpPr/>
      </xdr:nvSpPr>
      <xdr:spPr>
        <a:xfrm>
          <a:off x="18605500" y="7085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id="{0DA8101D-93FC-403F-ABC6-086B91602EC4}"/>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18283718-AA9B-44B1-AFDF-A0A4D6A63A46}"/>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6C857271-0CF5-4587-94EB-FF07FA694BAC}"/>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02F02FF9-1737-4020-863A-91BA81B77DBF}"/>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A5D150CC-B12A-4731-A8F7-5BEBEFEF2F94}"/>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25833</xdr:rowOff>
    </xdr:from>
    <xdr:to>
      <xdr:col>116</xdr:col>
      <xdr:colOff>114300</xdr:colOff>
      <xdr:row>41</xdr:row>
      <xdr:rowOff>127433</xdr:rowOff>
    </xdr:to>
    <xdr:sp macro="" textlink="">
      <xdr:nvSpPr>
        <xdr:cNvPr id="487" name="楕円 486">
          <a:extLst>
            <a:ext uri="{FF2B5EF4-FFF2-40B4-BE49-F238E27FC236}">
              <a16:creationId xmlns:a16="http://schemas.microsoft.com/office/drawing/2014/main" id="{78704300-C0DF-4834-A346-6B0C2454565B}"/>
            </a:ext>
          </a:extLst>
        </xdr:cNvPr>
        <xdr:cNvSpPr/>
      </xdr:nvSpPr>
      <xdr:spPr>
        <a:xfrm>
          <a:off x="22110700" y="705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48710</xdr:rowOff>
    </xdr:from>
    <xdr:ext cx="599010" cy="259045"/>
    <xdr:sp macro="" textlink="">
      <xdr:nvSpPr>
        <xdr:cNvPr id="488" name="【一般廃棄物処理施設】&#10;一人当たり有形固定資産（償却資産）額該当値テキスト">
          <a:extLst>
            <a:ext uri="{FF2B5EF4-FFF2-40B4-BE49-F238E27FC236}">
              <a16:creationId xmlns:a16="http://schemas.microsoft.com/office/drawing/2014/main" id="{D82EC52C-1783-46B0-A636-7F5CD739406A}"/>
            </a:ext>
          </a:extLst>
        </xdr:cNvPr>
        <xdr:cNvSpPr txBox="1"/>
      </xdr:nvSpPr>
      <xdr:spPr>
        <a:xfrm>
          <a:off x="22199600" y="69067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4,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7535</xdr:rowOff>
    </xdr:from>
    <xdr:to>
      <xdr:col>112</xdr:col>
      <xdr:colOff>38100</xdr:colOff>
      <xdr:row>41</xdr:row>
      <xdr:rowOff>109135</xdr:rowOff>
    </xdr:to>
    <xdr:sp macro="" textlink="">
      <xdr:nvSpPr>
        <xdr:cNvPr id="489" name="楕円 488">
          <a:extLst>
            <a:ext uri="{FF2B5EF4-FFF2-40B4-BE49-F238E27FC236}">
              <a16:creationId xmlns:a16="http://schemas.microsoft.com/office/drawing/2014/main" id="{CD2B4E41-EE5E-4E61-A67D-9E0A97B3310D}"/>
            </a:ext>
          </a:extLst>
        </xdr:cNvPr>
        <xdr:cNvSpPr/>
      </xdr:nvSpPr>
      <xdr:spPr>
        <a:xfrm>
          <a:off x="21272500" y="7036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58335</xdr:rowOff>
    </xdr:from>
    <xdr:to>
      <xdr:col>116</xdr:col>
      <xdr:colOff>63500</xdr:colOff>
      <xdr:row>41</xdr:row>
      <xdr:rowOff>76633</xdr:rowOff>
    </xdr:to>
    <xdr:cxnSp macro="">
      <xdr:nvCxnSpPr>
        <xdr:cNvPr id="490" name="直線コネクタ 489">
          <a:extLst>
            <a:ext uri="{FF2B5EF4-FFF2-40B4-BE49-F238E27FC236}">
              <a16:creationId xmlns:a16="http://schemas.microsoft.com/office/drawing/2014/main" id="{525F9311-176B-44A8-9349-FCA2F73C04AC}"/>
            </a:ext>
          </a:extLst>
        </xdr:cNvPr>
        <xdr:cNvCxnSpPr/>
      </xdr:nvCxnSpPr>
      <xdr:spPr>
        <a:xfrm>
          <a:off x="21323300" y="7087785"/>
          <a:ext cx="838200" cy="18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41</xdr:row>
      <xdr:rowOff>148612</xdr:rowOff>
    </xdr:from>
    <xdr:ext cx="599010" cy="259045"/>
    <xdr:sp macro="" textlink="">
      <xdr:nvSpPr>
        <xdr:cNvPr id="491" name="n_1aveValue【一般廃棄物処理施設】&#10;一人当たり有形固定資産（償却資産）額">
          <a:extLst>
            <a:ext uri="{FF2B5EF4-FFF2-40B4-BE49-F238E27FC236}">
              <a16:creationId xmlns:a16="http://schemas.microsoft.com/office/drawing/2014/main" id="{9F355972-B3F6-41FF-BC09-1BA5F83AC1EC}"/>
            </a:ext>
          </a:extLst>
        </xdr:cNvPr>
        <xdr:cNvSpPr txBox="1"/>
      </xdr:nvSpPr>
      <xdr:spPr>
        <a:xfrm>
          <a:off x="21011095" y="71780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9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40</xdr:row>
      <xdr:rowOff>15578</xdr:rowOff>
    </xdr:from>
    <xdr:ext cx="599010" cy="259045"/>
    <xdr:sp macro="" textlink="">
      <xdr:nvSpPr>
        <xdr:cNvPr id="492" name="n_2aveValue【一般廃棄物処理施設】&#10;一人当たり有形固定資産（償却資産）額">
          <a:extLst>
            <a:ext uri="{FF2B5EF4-FFF2-40B4-BE49-F238E27FC236}">
              <a16:creationId xmlns:a16="http://schemas.microsoft.com/office/drawing/2014/main" id="{AB8255EB-242F-4261-BB9F-1DCA65999A57}"/>
            </a:ext>
          </a:extLst>
        </xdr:cNvPr>
        <xdr:cNvSpPr txBox="1"/>
      </xdr:nvSpPr>
      <xdr:spPr>
        <a:xfrm>
          <a:off x="20134795" y="68735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40</xdr:row>
      <xdr:rowOff>8897</xdr:rowOff>
    </xdr:from>
    <xdr:ext cx="599010" cy="259045"/>
    <xdr:sp macro="" textlink="">
      <xdr:nvSpPr>
        <xdr:cNvPr id="493" name="n_3aveValue【一般廃棄物処理施設】&#10;一人当たり有形固定資産（償却資産）額">
          <a:extLst>
            <a:ext uri="{FF2B5EF4-FFF2-40B4-BE49-F238E27FC236}">
              <a16:creationId xmlns:a16="http://schemas.microsoft.com/office/drawing/2014/main" id="{CEB6C6E5-A979-408C-B50D-5851A49C3E9B}"/>
            </a:ext>
          </a:extLst>
        </xdr:cNvPr>
        <xdr:cNvSpPr txBox="1"/>
      </xdr:nvSpPr>
      <xdr:spPr>
        <a:xfrm>
          <a:off x="19245795" y="6866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40</xdr:row>
      <xdr:rowOff>2321</xdr:rowOff>
    </xdr:from>
    <xdr:ext cx="599010" cy="259045"/>
    <xdr:sp macro="" textlink="">
      <xdr:nvSpPr>
        <xdr:cNvPr id="494" name="n_4aveValue【一般廃棄物処理施設】&#10;一人当たり有形固定資産（償却資産）額">
          <a:extLst>
            <a:ext uri="{FF2B5EF4-FFF2-40B4-BE49-F238E27FC236}">
              <a16:creationId xmlns:a16="http://schemas.microsoft.com/office/drawing/2014/main" id="{F022FEE8-2D9B-4EBA-A989-CEEF410E36CE}"/>
            </a:ext>
          </a:extLst>
        </xdr:cNvPr>
        <xdr:cNvSpPr txBox="1"/>
      </xdr:nvSpPr>
      <xdr:spPr>
        <a:xfrm>
          <a:off x="18356795" y="68603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9</xdr:row>
      <xdr:rowOff>125662</xdr:rowOff>
    </xdr:from>
    <xdr:ext cx="599010" cy="259045"/>
    <xdr:sp macro="" textlink="">
      <xdr:nvSpPr>
        <xdr:cNvPr id="495" name="n_1mainValue【一般廃棄物処理施設】&#10;一人当たり有形固定資産（償却資産）額">
          <a:extLst>
            <a:ext uri="{FF2B5EF4-FFF2-40B4-BE49-F238E27FC236}">
              <a16:creationId xmlns:a16="http://schemas.microsoft.com/office/drawing/2014/main" id="{38E5B6FE-2A44-4869-A095-FB1E743D8A0B}"/>
            </a:ext>
          </a:extLst>
        </xdr:cNvPr>
        <xdr:cNvSpPr txBox="1"/>
      </xdr:nvSpPr>
      <xdr:spPr>
        <a:xfrm>
          <a:off x="21011095" y="68122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96" name="正方形/長方形 495">
          <a:extLst>
            <a:ext uri="{FF2B5EF4-FFF2-40B4-BE49-F238E27FC236}">
              <a16:creationId xmlns:a16="http://schemas.microsoft.com/office/drawing/2014/main" id="{898595FC-0CEB-4153-AF29-409C294105EA}"/>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97" name="正方形/長方形 496">
          <a:extLst>
            <a:ext uri="{FF2B5EF4-FFF2-40B4-BE49-F238E27FC236}">
              <a16:creationId xmlns:a16="http://schemas.microsoft.com/office/drawing/2014/main" id="{D2788C75-FD78-45A3-8170-2BD7BD3CFCE3}"/>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98" name="正方形/長方形 497">
          <a:extLst>
            <a:ext uri="{FF2B5EF4-FFF2-40B4-BE49-F238E27FC236}">
              <a16:creationId xmlns:a16="http://schemas.microsoft.com/office/drawing/2014/main" id="{A1E8746D-BE76-4629-B63C-B79A4A9651AA}"/>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99" name="正方形/長方形 498">
          <a:extLst>
            <a:ext uri="{FF2B5EF4-FFF2-40B4-BE49-F238E27FC236}">
              <a16:creationId xmlns:a16="http://schemas.microsoft.com/office/drawing/2014/main" id="{10076021-D41F-4AE5-8FE4-72373D507305}"/>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0" name="正方形/長方形 499">
          <a:extLst>
            <a:ext uri="{FF2B5EF4-FFF2-40B4-BE49-F238E27FC236}">
              <a16:creationId xmlns:a16="http://schemas.microsoft.com/office/drawing/2014/main" id="{1D47691C-7239-4C40-80D6-339117D0C64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1" name="正方形/長方形 500">
          <a:extLst>
            <a:ext uri="{FF2B5EF4-FFF2-40B4-BE49-F238E27FC236}">
              <a16:creationId xmlns:a16="http://schemas.microsoft.com/office/drawing/2014/main" id="{1DC7DC8B-BAA8-47D1-B737-2E3F8444D932}"/>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2" name="正方形/長方形 501">
          <a:extLst>
            <a:ext uri="{FF2B5EF4-FFF2-40B4-BE49-F238E27FC236}">
              <a16:creationId xmlns:a16="http://schemas.microsoft.com/office/drawing/2014/main" id="{34618F26-E31B-4F96-B1F8-66A2BB12CA9B}"/>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03" name="正方形/長方形 502">
          <a:extLst>
            <a:ext uri="{FF2B5EF4-FFF2-40B4-BE49-F238E27FC236}">
              <a16:creationId xmlns:a16="http://schemas.microsoft.com/office/drawing/2014/main" id="{5B1391AE-80AF-4967-B6B6-7876711C5C92}"/>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504" name="正方形/長方形 503">
          <a:extLst>
            <a:ext uri="{FF2B5EF4-FFF2-40B4-BE49-F238E27FC236}">
              <a16:creationId xmlns:a16="http://schemas.microsoft.com/office/drawing/2014/main" id="{D35CE37B-1A4C-45A7-B981-B9B4AD4625FE}"/>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05" name="正方形/長方形 504">
          <a:extLst>
            <a:ext uri="{FF2B5EF4-FFF2-40B4-BE49-F238E27FC236}">
              <a16:creationId xmlns:a16="http://schemas.microsoft.com/office/drawing/2014/main" id="{E7474E24-DDDD-4BFA-99F6-E399849DEEEC}"/>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06" name="正方形/長方形 505">
          <a:extLst>
            <a:ext uri="{FF2B5EF4-FFF2-40B4-BE49-F238E27FC236}">
              <a16:creationId xmlns:a16="http://schemas.microsoft.com/office/drawing/2014/main" id="{A287868D-504F-4106-8D27-4677266529BD}"/>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07" name="正方形/長方形 506">
          <a:extLst>
            <a:ext uri="{FF2B5EF4-FFF2-40B4-BE49-F238E27FC236}">
              <a16:creationId xmlns:a16="http://schemas.microsoft.com/office/drawing/2014/main" id="{D610993E-47B0-4491-844D-3D533577748D}"/>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08" name="正方形/長方形 507">
          <a:extLst>
            <a:ext uri="{FF2B5EF4-FFF2-40B4-BE49-F238E27FC236}">
              <a16:creationId xmlns:a16="http://schemas.microsoft.com/office/drawing/2014/main" id="{E44CD8E0-55B3-431F-8B53-ECE0CBA07EBB}"/>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09" name="正方形/長方形 508">
          <a:extLst>
            <a:ext uri="{FF2B5EF4-FFF2-40B4-BE49-F238E27FC236}">
              <a16:creationId xmlns:a16="http://schemas.microsoft.com/office/drawing/2014/main" id="{23BA79AE-86A5-4474-A69D-A0C6BC6DCD44}"/>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10" name="正方形/長方形 509">
          <a:extLst>
            <a:ext uri="{FF2B5EF4-FFF2-40B4-BE49-F238E27FC236}">
              <a16:creationId xmlns:a16="http://schemas.microsoft.com/office/drawing/2014/main" id="{2F721D04-03C7-415B-AE0D-0E074ECAC01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11" name="正方形/長方形 510">
          <a:extLst>
            <a:ext uri="{FF2B5EF4-FFF2-40B4-BE49-F238E27FC236}">
              <a16:creationId xmlns:a16="http://schemas.microsoft.com/office/drawing/2014/main" id="{6B169C07-1A61-4C8F-A549-F74AE47B24C3}"/>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512" name="正方形/長方形 511">
          <a:extLst>
            <a:ext uri="{FF2B5EF4-FFF2-40B4-BE49-F238E27FC236}">
              <a16:creationId xmlns:a16="http://schemas.microsoft.com/office/drawing/2014/main" id="{898BB990-5025-444E-87C9-1CEBE943785D}"/>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13" name="正方形/長方形 512">
          <a:extLst>
            <a:ext uri="{FF2B5EF4-FFF2-40B4-BE49-F238E27FC236}">
              <a16:creationId xmlns:a16="http://schemas.microsoft.com/office/drawing/2014/main" id="{C9FB29E6-EC9D-4228-9D60-5C22034D598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14" name="正方形/長方形 513">
          <a:extLst>
            <a:ext uri="{FF2B5EF4-FFF2-40B4-BE49-F238E27FC236}">
              <a16:creationId xmlns:a16="http://schemas.microsoft.com/office/drawing/2014/main" id="{F85AC419-8C4E-40BA-BE74-2BFA176B96CC}"/>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15" name="正方形/長方形 514">
          <a:extLst>
            <a:ext uri="{FF2B5EF4-FFF2-40B4-BE49-F238E27FC236}">
              <a16:creationId xmlns:a16="http://schemas.microsoft.com/office/drawing/2014/main" id="{A3C40C56-65A4-4C0F-B0B5-CEF8C032CE34}"/>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16" name="正方形/長方形 515">
          <a:extLst>
            <a:ext uri="{FF2B5EF4-FFF2-40B4-BE49-F238E27FC236}">
              <a16:creationId xmlns:a16="http://schemas.microsoft.com/office/drawing/2014/main" id="{4DFD6929-6622-489F-ACFF-12C617A0B17D}"/>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17" name="正方形/長方形 516">
          <a:extLst>
            <a:ext uri="{FF2B5EF4-FFF2-40B4-BE49-F238E27FC236}">
              <a16:creationId xmlns:a16="http://schemas.microsoft.com/office/drawing/2014/main" id="{5634D8D9-5E0A-409E-BC0C-0BF83F4CE07E}"/>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18" name="正方形/長方形 517">
          <a:extLst>
            <a:ext uri="{FF2B5EF4-FFF2-40B4-BE49-F238E27FC236}">
              <a16:creationId xmlns:a16="http://schemas.microsoft.com/office/drawing/2014/main" id="{81B5D820-785E-4590-948F-008FAB22D2F6}"/>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19" name="正方形/長方形 518">
          <a:extLst>
            <a:ext uri="{FF2B5EF4-FFF2-40B4-BE49-F238E27FC236}">
              <a16:creationId xmlns:a16="http://schemas.microsoft.com/office/drawing/2014/main" id="{4A9E1E34-26C2-4C16-897D-84F6D75B1A77}"/>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20" name="テキスト ボックス 519">
          <a:extLst>
            <a:ext uri="{FF2B5EF4-FFF2-40B4-BE49-F238E27FC236}">
              <a16:creationId xmlns:a16="http://schemas.microsoft.com/office/drawing/2014/main" id="{1DE7012C-6674-42B9-8572-D8929AA4C255}"/>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21" name="直線コネクタ 520">
          <a:extLst>
            <a:ext uri="{FF2B5EF4-FFF2-40B4-BE49-F238E27FC236}">
              <a16:creationId xmlns:a16="http://schemas.microsoft.com/office/drawing/2014/main" id="{448E009F-74AC-4943-A827-C627817B6E07}"/>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22" name="テキスト ボックス 521">
          <a:extLst>
            <a:ext uri="{FF2B5EF4-FFF2-40B4-BE49-F238E27FC236}">
              <a16:creationId xmlns:a16="http://schemas.microsoft.com/office/drawing/2014/main" id="{6193078A-E50E-4E3D-B0FA-F63152169276}"/>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23" name="直線コネクタ 522">
          <a:extLst>
            <a:ext uri="{FF2B5EF4-FFF2-40B4-BE49-F238E27FC236}">
              <a16:creationId xmlns:a16="http://schemas.microsoft.com/office/drawing/2014/main" id="{B83568C7-7C9E-47D2-8932-1521F3CFF979}"/>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24" name="テキスト ボックス 523">
          <a:extLst>
            <a:ext uri="{FF2B5EF4-FFF2-40B4-BE49-F238E27FC236}">
              <a16:creationId xmlns:a16="http://schemas.microsoft.com/office/drawing/2014/main" id="{FB9C06F9-2A56-4E0D-84BA-87ECC4789C18}"/>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25" name="直線コネクタ 524">
          <a:extLst>
            <a:ext uri="{FF2B5EF4-FFF2-40B4-BE49-F238E27FC236}">
              <a16:creationId xmlns:a16="http://schemas.microsoft.com/office/drawing/2014/main" id="{42272C48-8890-4FE5-9E50-DB7C1D5AA454}"/>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26" name="テキスト ボックス 525">
          <a:extLst>
            <a:ext uri="{FF2B5EF4-FFF2-40B4-BE49-F238E27FC236}">
              <a16:creationId xmlns:a16="http://schemas.microsoft.com/office/drawing/2014/main" id="{A41EE2C9-C26A-40FA-A08B-D53C56F21940}"/>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27" name="直線コネクタ 526">
          <a:extLst>
            <a:ext uri="{FF2B5EF4-FFF2-40B4-BE49-F238E27FC236}">
              <a16:creationId xmlns:a16="http://schemas.microsoft.com/office/drawing/2014/main" id="{A31FB899-B164-41DF-B2B5-5CC936CE4292}"/>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28" name="テキスト ボックス 527">
          <a:extLst>
            <a:ext uri="{FF2B5EF4-FFF2-40B4-BE49-F238E27FC236}">
              <a16:creationId xmlns:a16="http://schemas.microsoft.com/office/drawing/2014/main" id="{BA9D73F0-BA5B-49E4-9BEF-790F5E8C5EF9}"/>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29" name="直線コネクタ 528">
          <a:extLst>
            <a:ext uri="{FF2B5EF4-FFF2-40B4-BE49-F238E27FC236}">
              <a16:creationId xmlns:a16="http://schemas.microsoft.com/office/drawing/2014/main" id="{2ECF5E06-DFDA-4314-9B21-CF7D57426782}"/>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30" name="テキスト ボックス 529">
          <a:extLst>
            <a:ext uri="{FF2B5EF4-FFF2-40B4-BE49-F238E27FC236}">
              <a16:creationId xmlns:a16="http://schemas.microsoft.com/office/drawing/2014/main" id="{8365857E-269F-4BC9-AD5C-17A9EB0AFA6E}"/>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31" name="直線コネクタ 530">
          <a:extLst>
            <a:ext uri="{FF2B5EF4-FFF2-40B4-BE49-F238E27FC236}">
              <a16:creationId xmlns:a16="http://schemas.microsoft.com/office/drawing/2014/main" id="{D5DB355B-BBF9-488A-9971-DA37EAF2F88C}"/>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32" name="テキスト ボックス 531">
          <a:extLst>
            <a:ext uri="{FF2B5EF4-FFF2-40B4-BE49-F238E27FC236}">
              <a16:creationId xmlns:a16="http://schemas.microsoft.com/office/drawing/2014/main" id="{B0743E36-E348-45F6-A3F8-C690012D2004}"/>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33" name="直線コネクタ 532">
          <a:extLst>
            <a:ext uri="{FF2B5EF4-FFF2-40B4-BE49-F238E27FC236}">
              <a16:creationId xmlns:a16="http://schemas.microsoft.com/office/drawing/2014/main" id="{D924461A-4243-4329-B5AB-CFE2BFD11B2F}"/>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34" name="テキスト ボックス 533">
          <a:extLst>
            <a:ext uri="{FF2B5EF4-FFF2-40B4-BE49-F238E27FC236}">
              <a16:creationId xmlns:a16="http://schemas.microsoft.com/office/drawing/2014/main" id="{FC1FE524-C8CF-47FD-9303-A9BB3A5290E0}"/>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35" name="直線コネクタ 534">
          <a:extLst>
            <a:ext uri="{FF2B5EF4-FFF2-40B4-BE49-F238E27FC236}">
              <a16:creationId xmlns:a16="http://schemas.microsoft.com/office/drawing/2014/main" id="{3EEC23F3-BA9F-4DE5-8E17-EE349CD05C38}"/>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6" name="【消防施設】&#10;有形固定資産減価償却率グラフ枠">
          <a:extLst>
            <a:ext uri="{FF2B5EF4-FFF2-40B4-BE49-F238E27FC236}">
              <a16:creationId xmlns:a16="http://schemas.microsoft.com/office/drawing/2014/main" id="{A17A6092-4D7D-4F62-91E1-1FAEFB308A3B}"/>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7086</xdr:rowOff>
    </xdr:from>
    <xdr:to>
      <xdr:col>85</xdr:col>
      <xdr:colOff>126364</xdr:colOff>
      <xdr:row>86</xdr:row>
      <xdr:rowOff>168729</xdr:rowOff>
    </xdr:to>
    <xdr:cxnSp macro="">
      <xdr:nvCxnSpPr>
        <xdr:cNvPr id="537" name="直線コネクタ 536">
          <a:extLst>
            <a:ext uri="{FF2B5EF4-FFF2-40B4-BE49-F238E27FC236}">
              <a16:creationId xmlns:a16="http://schemas.microsoft.com/office/drawing/2014/main" id="{6D230D42-0BA4-4BFF-A57A-D62F841BA4E5}"/>
            </a:ext>
          </a:extLst>
        </xdr:cNvPr>
        <xdr:cNvCxnSpPr/>
      </xdr:nvCxnSpPr>
      <xdr:spPr>
        <a:xfrm flipV="1">
          <a:off x="16318864" y="13460186"/>
          <a:ext cx="0" cy="14532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538" name="【消防施設】&#10;有形固定資産減価償却率最小値テキスト">
          <a:extLst>
            <a:ext uri="{FF2B5EF4-FFF2-40B4-BE49-F238E27FC236}">
              <a16:creationId xmlns:a16="http://schemas.microsoft.com/office/drawing/2014/main" id="{2593E123-CDC7-4D80-9371-81BC3F79F68A}"/>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539" name="直線コネクタ 538">
          <a:extLst>
            <a:ext uri="{FF2B5EF4-FFF2-40B4-BE49-F238E27FC236}">
              <a16:creationId xmlns:a16="http://schemas.microsoft.com/office/drawing/2014/main" id="{3A9F637E-B945-4D38-8535-97EA321177BD}"/>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33763</xdr:rowOff>
    </xdr:from>
    <xdr:ext cx="405111" cy="259045"/>
    <xdr:sp macro="" textlink="">
      <xdr:nvSpPr>
        <xdr:cNvPr id="540" name="【消防施設】&#10;有形固定資産減価償却率最大値テキスト">
          <a:extLst>
            <a:ext uri="{FF2B5EF4-FFF2-40B4-BE49-F238E27FC236}">
              <a16:creationId xmlns:a16="http://schemas.microsoft.com/office/drawing/2014/main" id="{08CF3802-0E06-4D16-89F0-5791AE49B0EA}"/>
            </a:ext>
          </a:extLst>
        </xdr:cNvPr>
        <xdr:cNvSpPr txBox="1"/>
      </xdr:nvSpPr>
      <xdr:spPr>
        <a:xfrm>
          <a:off x="16357600" y="13235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7086</xdr:rowOff>
    </xdr:from>
    <xdr:to>
      <xdr:col>86</xdr:col>
      <xdr:colOff>25400</xdr:colOff>
      <xdr:row>78</xdr:row>
      <xdr:rowOff>87086</xdr:rowOff>
    </xdr:to>
    <xdr:cxnSp macro="">
      <xdr:nvCxnSpPr>
        <xdr:cNvPr id="541" name="直線コネクタ 540">
          <a:extLst>
            <a:ext uri="{FF2B5EF4-FFF2-40B4-BE49-F238E27FC236}">
              <a16:creationId xmlns:a16="http://schemas.microsoft.com/office/drawing/2014/main" id="{19DE7DF8-2367-4E39-856B-9E0FE74A4E07}"/>
            </a:ext>
          </a:extLst>
        </xdr:cNvPr>
        <xdr:cNvCxnSpPr/>
      </xdr:nvCxnSpPr>
      <xdr:spPr>
        <a:xfrm>
          <a:off x="16230600" y="134601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37540</xdr:rowOff>
    </xdr:from>
    <xdr:ext cx="405111" cy="259045"/>
    <xdr:sp macro="" textlink="">
      <xdr:nvSpPr>
        <xdr:cNvPr id="542" name="【消防施設】&#10;有形固定資産減価償却率平均値テキスト">
          <a:extLst>
            <a:ext uri="{FF2B5EF4-FFF2-40B4-BE49-F238E27FC236}">
              <a16:creationId xmlns:a16="http://schemas.microsoft.com/office/drawing/2014/main" id="{512E21D9-A097-4CA7-883E-18A15F805CD1}"/>
            </a:ext>
          </a:extLst>
        </xdr:cNvPr>
        <xdr:cNvSpPr txBox="1"/>
      </xdr:nvSpPr>
      <xdr:spPr>
        <a:xfrm>
          <a:off x="16357600" y="140249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4663</xdr:rowOff>
    </xdr:from>
    <xdr:to>
      <xdr:col>85</xdr:col>
      <xdr:colOff>177800</xdr:colOff>
      <xdr:row>83</xdr:row>
      <xdr:rowOff>44813</xdr:rowOff>
    </xdr:to>
    <xdr:sp macro="" textlink="">
      <xdr:nvSpPr>
        <xdr:cNvPr id="543" name="フローチャート: 判断 542">
          <a:extLst>
            <a:ext uri="{FF2B5EF4-FFF2-40B4-BE49-F238E27FC236}">
              <a16:creationId xmlns:a16="http://schemas.microsoft.com/office/drawing/2014/main" id="{5A5E6F82-F0A9-4673-8DFC-33F5344FC259}"/>
            </a:ext>
          </a:extLst>
        </xdr:cNvPr>
        <xdr:cNvSpPr/>
      </xdr:nvSpPr>
      <xdr:spPr>
        <a:xfrm>
          <a:off x="16268700" y="1417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9562</xdr:rowOff>
    </xdr:from>
    <xdr:to>
      <xdr:col>81</xdr:col>
      <xdr:colOff>101600</xdr:colOff>
      <xdr:row>83</xdr:row>
      <xdr:rowOff>49712</xdr:rowOff>
    </xdr:to>
    <xdr:sp macro="" textlink="">
      <xdr:nvSpPr>
        <xdr:cNvPr id="544" name="フローチャート: 判断 543">
          <a:extLst>
            <a:ext uri="{FF2B5EF4-FFF2-40B4-BE49-F238E27FC236}">
              <a16:creationId xmlns:a16="http://schemas.microsoft.com/office/drawing/2014/main" id="{E183CF57-20F4-4EED-BBAE-9CBE50771236}"/>
            </a:ext>
          </a:extLst>
        </xdr:cNvPr>
        <xdr:cNvSpPr/>
      </xdr:nvSpPr>
      <xdr:spPr>
        <a:xfrm>
          <a:off x="15430500" y="1417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47320</xdr:rowOff>
    </xdr:from>
    <xdr:to>
      <xdr:col>76</xdr:col>
      <xdr:colOff>165100</xdr:colOff>
      <xdr:row>83</xdr:row>
      <xdr:rowOff>77470</xdr:rowOff>
    </xdr:to>
    <xdr:sp macro="" textlink="">
      <xdr:nvSpPr>
        <xdr:cNvPr id="545" name="フローチャート: 判断 544">
          <a:extLst>
            <a:ext uri="{FF2B5EF4-FFF2-40B4-BE49-F238E27FC236}">
              <a16:creationId xmlns:a16="http://schemas.microsoft.com/office/drawing/2014/main" id="{8E7E3C85-2509-465A-AF9E-73E1CD2C1C41}"/>
            </a:ext>
          </a:extLst>
        </xdr:cNvPr>
        <xdr:cNvSpPr/>
      </xdr:nvSpPr>
      <xdr:spPr>
        <a:xfrm>
          <a:off x="14541500" y="1420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35889</xdr:rowOff>
    </xdr:from>
    <xdr:to>
      <xdr:col>72</xdr:col>
      <xdr:colOff>38100</xdr:colOff>
      <xdr:row>83</xdr:row>
      <xdr:rowOff>66039</xdr:rowOff>
    </xdr:to>
    <xdr:sp macro="" textlink="">
      <xdr:nvSpPr>
        <xdr:cNvPr id="546" name="フローチャート: 判断 545">
          <a:extLst>
            <a:ext uri="{FF2B5EF4-FFF2-40B4-BE49-F238E27FC236}">
              <a16:creationId xmlns:a16="http://schemas.microsoft.com/office/drawing/2014/main" id="{EFA50DFD-2CA0-4946-BD40-A206F9AA1806}"/>
            </a:ext>
          </a:extLst>
        </xdr:cNvPr>
        <xdr:cNvSpPr/>
      </xdr:nvSpPr>
      <xdr:spPr>
        <a:xfrm>
          <a:off x="13652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11398</xdr:rowOff>
    </xdr:from>
    <xdr:to>
      <xdr:col>67</xdr:col>
      <xdr:colOff>101600</xdr:colOff>
      <xdr:row>83</xdr:row>
      <xdr:rowOff>41548</xdr:rowOff>
    </xdr:to>
    <xdr:sp macro="" textlink="">
      <xdr:nvSpPr>
        <xdr:cNvPr id="547" name="フローチャート: 判断 546">
          <a:extLst>
            <a:ext uri="{FF2B5EF4-FFF2-40B4-BE49-F238E27FC236}">
              <a16:creationId xmlns:a16="http://schemas.microsoft.com/office/drawing/2014/main" id="{3C7BEF19-6940-46C7-8555-932FD0C30657}"/>
            </a:ext>
          </a:extLst>
        </xdr:cNvPr>
        <xdr:cNvSpPr/>
      </xdr:nvSpPr>
      <xdr:spPr>
        <a:xfrm>
          <a:off x="12763500" y="1417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48" name="テキスト ボックス 547">
          <a:extLst>
            <a:ext uri="{FF2B5EF4-FFF2-40B4-BE49-F238E27FC236}">
              <a16:creationId xmlns:a16="http://schemas.microsoft.com/office/drawing/2014/main" id="{6F129210-7759-4020-882B-77AA3F6B69D8}"/>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49" name="テキスト ボックス 548">
          <a:extLst>
            <a:ext uri="{FF2B5EF4-FFF2-40B4-BE49-F238E27FC236}">
              <a16:creationId xmlns:a16="http://schemas.microsoft.com/office/drawing/2014/main" id="{8516E292-CA67-4886-A93B-429167150382}"/>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50" name="テキスト ボックス 549">
          <a:extLst>
            <a:ext uri="{FF2B5EF4-FFF2-40B4-BE49-F238E27FC236}">
              <a16:creationId xmlns:a16="http://schemas.microsoft.com/office/drawing/2014/main" id="{6B92CB3D-3237-4159-9486-BE000AAFE1B5}"/>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51" name="テキスト ボックス 550">
          <a:extLst>
            <a:ext uri="{FF2B5EF4-FFF2-40B4-BE49-F238E27FC236}">
              <a16:creationId xmlns:a16="http://schemas.microsoft.com/office/drawing/2014/main" id="{2D151447-DFC5-4A27-811F-1E05A532F9FB}"/>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52" name="テキスト ボックス 551">
          <a:extLst>
            <a:ext uri="{FF2B5EF4-FFF2-40B4-BE49-F238E27FC236}">
              <a16:creationId xmlns:a16="http://schemas.microsoft.com/office/drawing/2014/main" id="{F4324036-FB17-4FAA-A2D8-5C3A56D8C9DD}"/>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129358</xdr:rowOff>
    </xdr:from>
    <xdr:to>
      <xdr:col>85</xdr:col>
      <xdr:colOff>177800</xdr:colOff>
      <xdr:row>86</xdr:row>
      <xdr:rowOff>59508</xdr:rowOff>
    </xdr:to>
    <xdr:sp macro="" textlink="">
      <xdr:nvSpPr>
        <xdr:cNvPr id="553" name="楕円 552">
          <a:extLst>
            <a:ext uri="{FF2B5EF4-FFF2-40B4-BE49-F238E27FC236}">
              <a16:creationId xmlns:a16="http://schemas.microsoft.com/office/drawing/2014/main" id="{14937B32-C3EC-4E15-94D7-85154893406E}"/>
            </a:ext>
          </a:extLst>
        </xdr:cNvPr>
        <xdr:cNvSpPr/>
      </xdr:nvSpPr>
      <xdr:spPr>
        <a:xfrm>
          <a:off x="16268700" y="14702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107785</xdr:rowOff>
    </xdr:from>
    <xdr:ext cx="405111" cy="259045"/>
    <xdr:sp macro="" textlink="">
      <xdr:nvSpPr>
        <xdr:cNvPr id="554" name="【消防施設】&#10;有形固定資産減価償却率該当値テキスト">
          <a:extLst>
            <a:ext uri="{FF2B5EF4-FFF2-40B4-BE49-F238E27FC236}">
              <a16:creationId xmlns:a16="http://schemas.microsoft.com/office/drawing/2014/main" id="{A2FFB80A-0518-4AE5-A391-8391B3ECB6CE}"/>
            </a:ext>
          </a:extLst>
        </xdr:cNvPr>
        <xdr:cNvSpPr txBox="1"/>
      </xdr:nvSpPr>
      <xdr:spPr>
        <a:xfrm>
          <a:off x="16357600" y="14681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39551</xdr:rowOff>
    </xdr:from>
    <xdr:to>
      <xdr:col>81</xdr:col>
      <xdr:colOff>101600</xdr:colOff>
      <xdr:row>85</xdr:row>
      <xdr:rowOff>141151</xdr:rowOff>
    </xdr:to>
    <xdr:sp macro="" textlink="">
      <xdr:nvSpPr>
        <xdr:cNvPr id="555" name="楕円 554">
          <a:extLst>
            <a:ext uri="{FF2B5EF4-FFF2-40B4-BE49-F238E27FC236}">
              <a16:creationId xmlns:a16="http://schemas.microsoft.com/office/drawing/2014/main" id="{12CDACCE-2C12-43C7-9A7C-FB6293614541}"/>
            </a:ext>
          </a:extLst>
        </xdr:cNvPr>
        <xdr:cNvSpPr/>
      </xdr:nvSpPr>
      <xdr:spPr>
        <a:xfrm>
          <a:off x="15430500" y="14612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90351</xdr:rowOff>
    </xdr:from>
    <xdr:to>
      <xdr:col>85</xdr:col>
      <xdr:colOff>127000</xdr:colOff>
      <xdr:row>86</xdr:row>
      <xdr:rowOff>8708</xdr:rowOff>
    </xdr:to>
    <xdr:cxnSp macro="">
      <xdr:nvCxnSpPr>
        <xdr:cNvPr id="556" name="直線コネクタ 555">
          <a:extLst>
            <a:ext uri="{FF2B5EF4-FFF2-40B4-BE49-F238E27FC236}">
              <a16:creationId xmlns:a16="http://schemas.microsoft.com/office/drawing/2014/main" id="{9877372F-0AC8-4907-AADA-40809215E7E7}"/>
            </a:ext>
          </a:extLst>
        </xdr:cNvPr>
        <xdr:cNvCxnSpPr/>
      </xdr:nvCxnSpPr>
      <xdr:spPr>
        <a:xfrm>
          <a:off x="15481300" y="14663601"/>
          <a:ext cx="838200" cy="89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121194</xdr:rowOff>
    </xdr:from>
    <xdr:to>
      <xdr:col>76</xdr:col>
      <xdr:colOff>165100</xdr:colOff>
      <xdr:row>85</xdr:row>
      <xdr:rowOff>51344</xdr:rowOff>
    </xdr:to>
    <xdr:sp macro="" textlink="">
      <xdr:nvSpPr>
        <xdr:cNvPr id="557" name="楕円 556">
          <a:extLst>
            <a:ext uri="{FF2B5EF4-FFF2-40B4-BE49-F238E27FC236}">
              <a16:creationId xmlns:a16="http://schemas.microsoft.com/office/drawing/2014/main" id="{2DF30CE4-AB61-4D76-B43D-1F17EA1D212F}"/>
            </a:ext>
          </a:extLst>
        </xdr:cNvPr>
        <xdr:cNvSpPr/>
      </xdr:nvSpPr>
      <xdr:spPr>
        <a:xfrm>
          <a:off x="14541500" y="1452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544</xdr:rowOff>
    </xdr:from>
    <xdr:to>
      <xdr:col>81</xdr:col>
      <xdr:colOff>50800</xdr:colOff>
      <xdr:row>85</xdr:row>
      <xdr:rowOff>90351</xdr:rowOff>
    </xdr:to>
    <xdr:cxnSp macro="">
      <xdr:nvCxnSpPr>
        <xdr:cNvPr id="558" name="直線コネクタ 557">
          <a:extLst>
            <a:ext uri="{FF2B5EF4-FFF2-40B4-BE49-F238E27FC236}">
              <a16:creationId xmlns:a16="http://schemas.microsoft.com/office/drawing/2014/main" id="{56EA9DC1-5D7F-4388-8855-B7273E6B3082}"/>
            </a:ext>
          </a:extLst>
        </xdr:cNvPr>
        <xdr:cNvCxnSpPr/>
      </xdr:nvCxnSpPr>
      <xdr:spPr>
        <a:xfrm>
          <a:off x="14592300" y="14573794"/>
          <a:ext cx="889000" cy="89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26488</xdr:rowOff>
    </xdr:from>
    <xdr:to>
      <xdr:col>72</xdr:col>
      <xdr:colOff>38100</xdr:colOff>
      <xdr:row>84</xdr:row>
      <xdr:rowOff>128088</xdr:rowOff>
    </xdr:to>
    <xdr:sp macro="" textlink="">
      <xdr:nvSpPr>
        <xdr:cNvPr id="559" name="楕円 558">
          <a:extLst>
            <a:ext uri="{FF2B5EF4-FFF2-40B4-BE49-F238E27FC236}">
              <a16:creationId xmlns:a16="http://schemas.microsoft.com/office/drawing/2014/main" id="{4C96B16E-60F9-46DD-8A25-184E1FB77E15}"/>
            </a:ext>
          </a:extLst>
        </xdr:cNvPr>
        <xdr:cNvSpPr/>
      </xdr:nvSpPr>
      <xdr:spPr>
        <a:xfrm>
          <a:off x="13652500" y="1442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77288</xdr:rowOff>
    </xdr:from>
    <xdr:to>
      <xdr:col>76</xdr:col>
      <xdr:colOff>114300</xdr:colOff>
      <xdr:row>85</xdr:row>
      <xdr:rowOff>544</xdr:rowOff>
    </xdr:to>
    <xdr:cxnSp macro="">
      <xdr:nvCxnSpPr>
        <xdr:cNvPr id="560" name="直線コネクタ 559">
          <a:extLst>
            <a:ext uri="{FF2B5EF4-FFF2-40B4-BE49-F238E27FC236}">
              <a16:creationId xmlns:a16="http://schemas.microsoft.com/office/drawing/2014/main" id="{733A6E0C-D575-4C57-B325-CB24239B40F5}"/>
            </a:ext>
          </a:extLst>
        </xdr:cNvPr>
        <xdr:cNvCxnSpPr/>
      </xdr:nvCxnSpPr>
      <xdr:spPr>
        <a:xfrm>
          <a:off x="13703300" y="14479088"/>
          <a:ext cx="8890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5</xdr:row>
      <xdr:rowOff>96701</xdr:rowOff>
    </xdr:from>
    <xdr:to>
      <xdr:col>67</xdr:col>
      <xdr:colOff>101600</xdr:colOff>
      <xdr:row>86</xdr:row>
      <xdr:rowOff>26851</xdr:rowOff>
    </xdr:to>
    <xdr:sp macro="" textlink="">
      <xdr:nvSpPr>
        <xdr:cNvPr id="561" name="楕円 560">
          <a:extLst>
            <a:ext uri="{FF2B5EF4-FFF2-40B4-BE49-F238E27FC236}">
              <a16:creationId xmlns:a16="http://schemas.microsoft.com/office/drawing/2014/main" id="{9103EBBC-8491-4E4B-881A-D7D3F7AE82BD}"/>
            </a:ext>
          </a:extLst>
        </xdr:cNvPr>
        <xdr:cNvSpPr/>
      </xdr:nvSpPr>
      <xdr:spPr>
        <a:xfrm>
          <a:off x="12763500" y="1466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77288</xdr:rowOff>
    </xdr:from>
    <xdr:to>
      <xdr:col>71</xdr:col>
      <xdr:colOff>177800</xdr:colOff>
      <xdr:row>85</xdr:row>
      <xdr:rowOff>147501</xdr:rowOff>
    </xdr:to>
    <xdr:cxnSp macro="">
      <xdr:nvCxnSpPr>
        <xdr:cNvPr id="562" name="直線コネクタ 561">
          <a:extLst>
            <a:ext uri="{FF2B5EF4-FFF2-40B4-BE49-F238E27FC236}">
              <a16:creationId xmlns:a16="http://schemas.microsoft.com/office/drawing/2014/main" id="{5B8CAABD-0EE2-4818-8726-B35ECD0EEBFB}"/>
            </a:ext>
          </a:extLst>
        </xdr:cNvPr>
        <xdr:cNvCxnSpPr/>
      </xdr:nvCxnSpPr>
      <xdr:spPr>
        <a:xfrm flipV="1">
          <a:off x="12814300" y="14479088"/>
          <a:ext cx="889000" cy="241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66239</xdr:rowOff>
    </xdr:from>
    <xdr:ext cx="405111" cy="259045"/>
    <xdr:sp macro="" textlink="">
      <xdr:nvSpPr>
        <xdr:cNvPr id="563" name="n_1aveValue【消防施設】&#10;有形固定資産減価償却率">
          <a:extLst>
            <a:ext uri="{FF2B5EF4-FFF2-40B4-BE49-F238E27FC236}">
              <a16:creationId xmlns:a16="http://schemas.microsoft.com/office/drawing/2014/main" id="{34912306-FB78-4BC5-AF10-6378950FF16E}"/>
            </a:ext>
          </a:extLst>
        </xdr:cNvPr>
        <xdr:cNvSpPr txBox="1"/>
      </xdr:nvSpPr>
      <xdr:spPr>
        <a:xfrm>
          <a:off x="15266044" y="139536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93997</xdr:rowOff>
    </xdr:from>
    <xdr:ext cx="405111" cy="259045"/>
    <xdr:sp macro="" textlink="">
      <xdr:nvSpPr>
        <xdr:cNvPr id="564" name="n_2aveValue【消防施設】&#10;有形固定資産減価償却率">
          <a:extLst>
            <a:ext uri="{FF2B5EF4-FFF2-40B4-BE49-F238E27FC236}">
              <a16:creationId xmlns:a16="http://schemas.microsoft.com/office/drawing/2014/main" id="{8BFBA7E1-76F4-4072-A8B2-6876A33FC99F}"/>
            </a:ext>
          </a:extLst>
        </xdr:cNvPr>
        <xdr:cNvSpPr txBox="1"/>
      </xdr:nvSpPr>
      <xdr:spPr>
        <a:xfrm>
          <a:off x="14389744" y="1398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82566</xdr:rowOff>
    </xdr:from>
    <xdr:ext cx="405111" cy="259045"/>
    <xdr:sp macro="" textlink="">
      <xdr:nvSpPr>
        <xdr:cNvPr id="565" name="n_3aveValue【消防施設】&#10;有形固定資産減価償却率">
          <a:extLst>
            <a:ext uri="{FF2B5EF4-FFF2-40B4-BE49-F238E27FC236}">
              <a16:creationId xmlns:a16="http://schemas.microsoft.com/office/drawing/2014/main" id="{271EDE4A-5E55-4AC8-95C5-A0D5780CA79B}"/>
            </a:ext>
          </a:extLst>
        </xdr:cNvPr>
        <xdr:cNvSpPr txBox="1"/>
      </xdr:nvSpPr>
      <xdr:spPr>
        <a:xfrm>
          <a:off x="13500744" y="13970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58075</xdr:rowOff>
    </xdr:from>
    <xdr:ext cx="405111" cy="259045"/>
    <xdr:sp macro="" textlink="">
      <xdr:nvSpPr>
        <xdr:cNvPr id="566" name="n_4aveValue【消防施設】&#10;有形固定資産減価償却率">
          <a:extLst>
            <a:ext uri="{FF2B5EF4-FFF2-40B4-BE49-F238E27FC236}">
              <a16:creationId xmlns:a16="http://schemas.microsoft.com/office/drawing/2014/main" id="{AF500CD4-EEB1-4342-917E-0D220D27EA32}"/>
            </a:ext>
          </a:extLst>
        </xdr:cNvPr>
        <xdr:cNvSpPr txBox="1"/>
      </xdr:nvSpPr>
      <xdr:spPr>
        <a:xfrm>
          <a:off x="12611744" y="13945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132278</xdr:rowOff>
    </xdr:from>
    <xdr:ext cx="405111" cy="259045"/>
    <xdr:sp macro="" textlink="">
      <xdr:nvSpPr>
        <xdr:cNvPr id="567" name="n_1mainValue【消防施設】&#10;有形固定資産減価償却率">
          <a:extLst>
            <a:ext uri="{FF2B5EF4-FFF2-40B4-BE49-F238E27FC236}">
              <a16:creationId xmlns:a16="http://schemas.microsoft.com/office/drawing/2014/main" id="{903388A2-BB9D-41FE-97E5-65EB18C5025E}"/>
            </a:ext>
          </a:extLst>
        </xdr:cNvPr>
        <xdr:cNvSpPr txBox="1"/>
      </xdr:nvSpPr>
      <xdr:spPr>
        <a:xfrm>
          <a:off x="15266044" y="14705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42471</xdr:rowOff>
    </xdr:from>
    <xdr:ext cx="405111" cy="259045"/>
    <xdr:sp macro="" textlink="">
      <xdr:nvSpPr>
        <xdr:cNvPr id="568" name="n_2mainValue【消防施設】&#10;有形固定資産減価償却率">
          <a:extLst>
            <a:ext uri="{FF2B5EF4-FFF2-40B4-BE49-F238E27FC236}">
              <a16:creationId xmlns:a16="http://schemas.microsoft.com/office/drawing/2014/main" id="{03237A26-F4DB-415C-BB1D-61F649FEFCDB}"/>
            </a:ext>
          </a:extLst>
        </xdr:cNvPr>
        <xdr:cNvSpPr txBox="1"/>
      </xdr:nvSpPr>
      <xdr:spPr>
        <a:xfrm>
          <a:off x="14389744" y="14615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119215</xdr:rowOff>
    </xdr:from>
    <xdr:ext cx="405111" cy="259045"/>
    <xdr:sp macro="" textlink="">
      <xdr:nvSpPr>
        <xdr:cNvPr id="569" name="n_3mainValue【消防施設】&#10;有形固定資産減価償却率">
          <a:extLst>
            <a:ext uri="{FF2B5EF4-FFF2-40B4-BE49-F238E27FC236}">
              <a16:creationId xmlns:a16="http://schemas.microsoft.com/office/drawing/2014/main" id="{362A6999-8BEF-4100-9575-C313D8298A31}"/>
            </a:ext>
          </a:extLst>
        </xdr:cNvPr>
        <xdr:cNvSpPr txBox="1"/>
      </xdr:nvSpPr>
      <xdr:spPr>
        <a:xfrm>
          <a:off x="13500744" y="14521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6</xdr:row>
      <xdr:rowOff>17978</xdr:rowOff>
    </xdr:from>
    <xdr:ext cx="405111" cy="259045"/>
    <xdr:sp macro="" textlink="">
      <xdr:nvSpPr>
        <xdr:cNvPr id="570" name="n_4mainValue【消防施設】&#10;有形固定資産減価償却率">
          <a:extLst>
            <a:ext uri="{FF2B5EF4-FFF2-40B4-BE49-F238E27FC236}">
              <a16:creationId xmlns:a16="http://schemas.microsoft.com/office/drawing/2014/main" id="{C0797A17-EAA3-4DBF-8DCE-1145DE6F6FC5}"/>
            </a:ext>
          </a:extLst>
        </xdr:cNvPr>
        <xdr:cNvSpPr txBox="1"/>
      </xdr:nvSpPr>
      <xdr:spPr>
        <a:xfrm>
          <a:off x="12611744" y="14762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71" name="正方形/長方形 570">
          <a:extLst>
            <a:ext uri="{FF2B5EF4-FFF2-40B4-BE49-F238E27FC236}">
              <a16:creationId xmlns:a16="http://schemas.microsoft.com/office/drawing/2014/main" id="{F377B2A6-7396-4BD2-814D-3E0F15D0A317}"/>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72" name="正方形/長方形 571">
          <a:extLst>
            <a:ext uri="{FF2B5EF4-FFF2-40B4-BE49-F238E27FC236}">
              <a16:creationId xmlns:a16="http://schemas.microsoft.com/office/drawing/2014/main" id="{B42B3465-45BA-495B-B28B-365980E431DC}"/>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73" name="正方形/長方形 572">
          <a:extLst>
            <a:ext uri="{FF2B5EF4-FFF2-40B4-BE49-F238E27FC236}">
              <a16:creationId xmlns:a16="http://schemas.microsoft.com/office/drawing/2014/main" id="{8DB1C58C-65EE-4AF7-BA3C-878439A18FDB}"/>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74" name="正方形/長方形 573">
          <a:extLst>
            <a:ext uri="{FF2B5EF4-FFF2-40B4-BE49-F238E27FC236}">
              <a16:creationId xmlns:a16="http://schemas.microsoft.com/office/drawing/2014/main" id="{DCA67BFC-37D8-48FE-87A5-3E0AF6D10523}"/>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75" name="正方形/長方形 574">
          <a:extLst>
            <a:ext uri="{FF2B5EF4-FFF2-40B4-BE49-F238E27FC236}">
              <a16:creationId xmlns:a16="http://schemas.microsoft.com/office/drawing/2014/main" id="{5E707E14-654F-404C-82F6-6B82E939CCF8}"/>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76" name="正方形/長方形 575">
          <a:extLst>
            <a:ext uri="{FF2B5EF4-FFF2-40B4-BE49-F238E27FC236}">
              <a16:creationId xmlns:a16="http://schemas.microsoft.com/office/drawing/2014/main" id="{A13991B4-F1DB-4855-84D6-4A2747E25A2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77" name="正方形/長方形 576">
          <a:extLst>
            <a:ext uri="{FF2B5EF4-FFF2-40B4-BE49-F238E27FC236}">
              <a16:creationId xmlns:a16="http://schemas.microsoft.com/office/drawing/2014/main" id="{C10FBD53-51C9-42AE-B550-F479D7408565}"/>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78" name="正方形/長方形 577">
          <a:extLst>
            <a:ext uri="{FF2B5EF4-FFF2-40B4-BE49-F238E27FC236}">
              <a16:creationId xmlns:a16="http://schemas.microsoft.com/office/drawing/2014/main" id="{AE5B4821-8AAF-4BEC-A459-89688FAE0BAB}"/>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79" name="テキスト ボックス 578">
          <a:extLst>
            <a:ext uri="{FF2B5EF4-FFF2-40B4-BE49-F238E27FC236}">
              <a16:creationId xmlns:a16="http://schemas.microsoft.com/office/drawing/2014/main" id="{E0416144-ABD7-4D7B-AECB-477BD03ED89C}"/>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80" name="直線コネクタ 579">
          <a:extLst>
            <a:ext uri="{FF2B5EF4-FFF2-40B4-BE49-F238E27FC236}">
              <a16:creationId xmlns:a16="http://schemas.microsoft.com/office/drawing/2014/main" id="{8C90BC6A-0183-477E-8BE0-677C4E693A96}"/>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81" name="直線コネクタ 580">
          <a:extLst>
            <a:ext uri="{FF2B5EF4-FFF2-40B4-BE49-F238E27FC236}">
              <a16:creationId xmlns:a16="http://schemas.microsoft.com/office/drawing/2014/main" id="{5158E9A7-9D15-482E-9C76-D014A062CA9D}"/>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82" name="テキスト ボックス 581">
          <a:extLst>
            <a:ext uri="{FF2B5EF4-FFF2-40B4-BE49-F238E27FC236}">
              <a16:creationId xmlns:a16="http://schemas.microsoft.com/office/drawing/2014/main" id="{F1707509-7CDC-417E-999A-932A9978D9D9}"/>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83" name="直線コネクタ 582">
          <a:extLst>
            <a:ext uri="{FF2B5EF4-FFF2-40B4-BE49-F238E27FC236}">
              <a16:creationId xmlns:a16="http://schemas.microsoft.com/office/drawing/2014/main" id="{3F6AA273-392D-484F-839B-51874F5B8A05}"/>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84" name="テキスト ボックス 583">
          <a:extLst>
            <a:ext uri="{FF2B5EF4-FFF2-40B4-BE49-F238E27FC236}">
              <a16:creationId xmlns:a16="http://schemas.microsoft.com/office/drawing/2014/main" id="{A999304F-C4C4-4841-AEE0-B3C02C1151F8}"/>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85" name="直線コネクタ 584">
          <a:extLst>
            <a:ext uri="{FF2B5EF4-FFF2-40B4-BE49-F238E27FC236}">
              <a16:creationId xmlns:a16="http://schemas.microsoft.com/office/drawing/2014/main" id="{E5C73DE2-D590-4A68-ADB6-7D693A7B0569}"/>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586" name="テキスト ボックス 585">
          <a:extLst>
            <a:ext uri="{FF2B5EF4-FFF2-40B4-BE49-F238E27FC236}">
              <a16:creationId xmlns:a16="http://schemas.microsoft.com/office/drawing/2014/main" id="{13472A45-6B6C-4FE4-ABA6-07C41FCB6485}"/>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587" name="直線コネクタ 586">
          <a:extLst>
            <a:ext uri="{FF2B5EF4-FFF2-40B4-BE49-F238E27FC236}">
              <a16:creationId xmlns:a16="http://schemas.microsoft.com/office/drawing/2014/main" id="{01EDDD40-766A-4289-8AFA-7CAA222F0E5A}"/>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588" name="テキスト ボックス 587">
          <a:extLst>
            <a:ext uri="{FF2B5EF4-FFF2-40B4-BE49-F238E27FC236}">
              <a16:creationId xmlns:a16="http://schemas.microsoft.com/office/drawing/2014/main" id="{89E40F08-FCE1-4A76-9BA5-D4F295DE3E20}"/>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89" name="直線コネクタ 588">
          <a:extLst>
            <a:ext uri="{FF2B5EF4-FFF2-40B4-BE49-F238E27FC236}">
              <a16:creationId xmlns:a16="http://schemas.microsoft.com/office/drawing/2014/main" id="{B5DD5CC4-7155-4896-B32F-5DEBCCCDA145}"/>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90" name="テキスト ボックス 589">
          <a:extLst>
            <a:ext uri="{FF2B5EF4-FFF2-40B4-BE49-F238E27FC236}">
              <a16:creationId xmlns:a16="http://schemas.microsoft.com/office/drawing/2014/main" id="{1280C191-5A01-4F88-84E2-3F5E9DE64F6E}"/>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91" name="【消防施設】&#10;一人当たり面積グラフ枠">
          <a:extLst>
            <a:ext uri="{FF2B5EF4-FFF2-40B4-BE49-F238E27FC236}">
              <a16:creationId xmlns:a16="http://schemas.microsoft.com/office/drawing/2014/main" id="{66762D51-2530-489E-BC1F-B67B1186909A}"/>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58674</xdr:rowOff>
    </xdr:from>
    <xdr:to>
      <xdr:col>116</xdr:col>
      <xdr:colOff>62864</xdr:colOff>
      <xdr:row>86</xdr:row>
      <xdr:rowOff>17526</xdr:rowOff>
    </xdr:to>
    <xdr:cxnSp macro="">
      <xdr:nvCxnSpPr>
        <xdr:cNvPr id="592" name="直線コネクタ 591">
          <a:extLst>
            <a:ext uri="{FF2B5EF4-FFF2-40B4-BE49-F238E27FC236}">
              <a16:creationId xmlns:a16="http://schemas.microsoft.com/office/drawing/2014/main" id="{5857F276-02D1-4788-B9FF-3270A351C332}"/>
            </a:ext>
          </a:extLst>
        </xdr:cNvPr>
        <xdr:cNvCxnSpPr/>
      </xdr:nvCxnSpPr>
      <xdr:spPr>
        <a:xfrm flipV="1">
          <a:off x="22160864" y="13603224"/>
          <a:ext cx="0" cy="11590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1353</xdr:rowOff>
    </xdr:from>
    <xdr:ext cx="469744" cy="259045"/>
    <xdr:sp macro="" textlink="">
      <xdr:nvSpPr>
        <xdr:cNvPr id="593" name="【消防施設】&#10;一人当たり面積最小値テキスト">
          <a:extLst>
            <a:ext uri="{FF2B5EF4-FFF2-40B4-BE49-F238E27FC236}">
              <a16:creationId xmlns:a16="http://schemas.microsoft.com/office/drawing/2014/main" id="{4E84C10C-6B51-46B8-BB2F-EBBFD833AD1A}"/>
            </a:ext>
          </a:extLst>
        </xdr:cNvPr>
        <xdr:cNvSpPr txBox="1"/>
      </xdr:nvSpPr>
      <xdr:spPr>
        <a:xfrm>
          <a:off x="22199600" y="14766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7526</xdr:rowOff>
    </xdr:from>
    <xdr:to>
      <xdr:col>116</xdr:col>
      <xdr:colOff>152400</xdr:colOff>
      <xdr:row>86</xdr:row>
      <xdr:rowOff>17526</xdr:rowOff>
    </xdr:to>
    <xdr:cxnSp macro="">
      <xdr:nvCxnSpPr>
        <xdr:cNvPr id="594" name="直線コネクタ 593">
          <a:extLst>
            <a:ext uri="{FF2B5EF4-FFF2-40B4-BE49-F238E27FC236}">
              <a16:creationId xmlns:a16="http://schemas.microsoft.com/office/drawing/2014/main" id="{70A184C4-8023-47DD-B6D7-5DFE86B51AEB}"/>
            </a:ext>
          </a:extLst>
        </xdr:cNvPr>
        <xdr:cNvCxnSpPr/>
      </xdr:nvCxnSpPr>
      <xdr:spPr>
        <a:xfrm>
          <a:off x="22072600" y="14762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5351</xdr:rowOff>
    </xdr:from>
    <xdr:ext cx="469744" cy="259045"/>
    <xdr:sp macro="" textlink="">
      <xdr:nvSpPr>
        <xdr:cNvPr id="595" name="【消防施設】&#10;一人当たり面積最大値テキスト">
          <a:extLst>
            <a:ext uri="{FF2B5EF4-FFF2-40B4-BE49-F238E27FC236}">
              <a16:creationId xmlns:a16="http://schemas.microsoft.com/office/drawing/2014/main" id="{10E0F219-B741-468D-B0B7-2EC5A5EFDC9D}"/>
            </a:ext>
          </a:extLst>
        </xdr:cNvPr>
        <xdr:cNvSpPr txBox="1"/>
      </xdr:nvSpPr>
      <xdr:spPr>
        <a:xfrm>
          <a:off x="22199600" y="13378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58674</xdr:rowOff>
    </xdr:from>
    <xdr:to>
      <xdr:col>116</xdr:col>
      <xdr:colOff>152400</xdr:colOff>
      <xdr:row>79</xdr:row>
      <xdr:rowOff>58674</xdr:rowOff>
    </xdr:to>
    <xdr:cxnSp macro="">
      <xdr:nvCxnSpPr>
        <xdr:cNvPr id="596" name="直線コネクタ 595">
          <a:extLst>
            <a:ext uri="{FF2B5EF4-FFF2-40B4-BE49-F238E27FC236}">
              <a16:creationId xmlns:a16="http://schemas.microsoft.com/office/drawing/2014/main" id="{4A8550D7-CCD1-4113-8EAE-8D838C2E9598}"/>
            </a:ext>
          </a:extLst>
        </xdr:cNvPr>
        <xdr:cNvCxnSpPr/>
      </xdr:nvCxnSpPr>
      <xdr:spPr>
        <a:xfrm>
          <a:off x="22072600" y="13603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70197</xdr:rowOff>
    </xdr:from>
    <xdr:ext cx="469744" cy="259045"/>
    <xdr:sp macro="" textlink="">
      <xdr:nvSpPr>
        <xdr:cNvPr id="597" name="【消防施設】&#10;一人当たり面積平均値テキスト">
          <a:extLst>
            <a:ext uri="{FF2B5EF4-FFF2-40B4-BE49-F238E27FC236}">
              <a16:creationId xmlns:a16="http://schemas.microsoft.com/office/drawing/2014/main" id="{3562F175-F27E-4574-8EB9-8B6814A423D1}"/>
            </a:ext>
          </a:extLst>
        </xdr:cNvPr>
        <xdr:cNvSpPr txBox="1"/>
      </xdr:nvSpPr>
      <xdr:spPr>
        <a:xfrm>
          <a:off x="22199600" y="142290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47320</xdr:rowOff>
    </xdr:from>
    <xdr:to>
      <xdr:col>116</xdr:col>
      <xdr:colOff>114300</xdr:colOff>
      <xdr:row>84</xdr:row>
      <xdr:rowOff>77470</xdr:rowOff>
    </xdr:to>
    <xdr:sp macro="" textlink="">
      <xdr:nvSpPr>
        <xdr:cNvPr id="598" name="フローチャート: 判断 597">
          <a:extLst>
            <a:ext uri="{FF2B5EF4-FFF2-40B4-BE49-F238E27FC236}">
              <a16:creationId xmlns:a16="http://schemas.microsoft.com/office/drawing/2014/main" id="{D4040E0B-B22F-4D8E-89AE-9B3A9A6AD9B5}"/>
            </a:ext>
          </a:extLst>
        </xdr:cNvPr>
        <xdr:cNvSpPr/>
      </xdr:nvSpPr>
      <xdr:spPr>
        <a:xfrm>
          <a:off x="22110700" y="1437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5587</xdr:rowOff>
    </xdr:from>
    <xdr:to>
      <xdr:col>112</xdr:col>
      <xdr:colOff>38100</xdr:colOff>
      <xdr:row>84</xdr:row>
      <xdr:rowOff>107187</xdr:rowOff>
    </xdr:to>
    <xdr:sp macro="" textlink="">
      <xdr:nvSpPr>
        <xdr:cNvPr id="599" name="フローチャート: 判断 598">
          <a:extLst>
            <a:ext uri="{FF2B5EF4-FFF2-40B4-BE49-F238E27FC236}">
              <a16:creationId xmlns:a16="http://schemas.microsoft.com/office/drawing/2014/main" id="{FB7FE6A8-CBE9-4BB4-879D-33B503A3F34E}"/>
            </a:ext>
          </a:extLst>
        </xdr:cNvPr>
        <xdr:cNvSpPr/>
      </xdr:nvSpPr>
      <xdr:spPr>
        <a:xfrm>
          <a:off x="21272500" y="1440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7874</xdr:rowOff>
    </xdr:from>
    <xdr:to>
      <xdr:col>107</xdr:col>
      <xdr:colOff>101600</xdr:colOff>
      <xdr:row>84</xdr:row>
      <xdr:rowOff>109474</xdr:rowOff>
    </xdr:to>
    <xdr:sp macro="" textlink="">
      <xdr:nvSpPr>
        <xdr:cNvPr id="600" name="フローチャート: 判断 599">
          <a:extLst>
            <a:ext uri="{FF2B5EF4-FFF2-40B4-BE49-F238E27FC236}">
              <a16:creationId xmlns:a16="http://schemas.microsoft.com/office/drawing/2014/main" id="{38156831-B511-4D22-A7D3-EB05B8250EAD}"/>
            </a:ext>
          </a:extLst>
        </xdr:cNvPr>
        <xdr:cNvSpPr/>
      </xdr:nvSpPr>
      <xdr:spPr>
        <a:xfrm>
          <a:off x="20383500" y="14409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015</xdr:rowOff>
    </xdr:from>
    <xdr:to>
      <xdr:col>102</xdr:col>
      <xdr:colOff>165100</xdr:colOff>
      <xdr:row>84</xdr:row>
      <xdr:rowOff>102615</xdr:rowOff>
    </xdr:to>
    <xdr:sp macro="" textlink="">
      <xdr:nvSpPr>
        <xdr:cNvPr id="601" name="フローチャート: 判断 600">
          <a:extLst>
            <a:ext uri="{FF2B5EF4-FFF2-40B4-BE49-F238E27FC236}">
              <a16:creationId xmlns:a16="http://schemas.microsoft.com/office/drawing/2014/main" id="{29A8F125-DE06-4FDB-A04A-07A8283DA9C5}"/>
            </a:ext>
          </a:extLst>
        </xdr:cNvPr>
        <xdr:cNvSpPr/>
      </xdr:nvSpPr>
      <xdr:spPr>
        <a:xfrm>
          <a:off x="19494500" y="1440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0161</xdr:rowOff>
    </xdr:from>
    <xdr:to>
      <xdr:col>98</xdr:col>
      <xdr:colOff>38100</xdr:colOff>
      <xdr:row>84</xdr:row>
      <xdr:rowOff>111761</xdr:rowOff>
    </xdr:to>
    <xdr:sp macro="" textlink="">
      <xdr:nvSpPr>
        <xdr:cNvPr id="602" name="フローチャート: 判断 601">
          <a:extLst>
            <a:ext uri="{FF2B5EF4-FFF2-40B4-BE49-F238E27FC236}">
              <a16:creationId xmlns:a16="http://schemas.microsoft.com/office/drawing/2014/main" id="{C32CB026-CA0A-44DD-9DB8-1EBF09590BE7}"/>
            </a:ext>
          </a:extLst>
        </xdr:cNvPr>
        <xdr:cNvSpPr/>
      </xdr:nvSpPr>
      <xdr:spPr>
        <a:xfrm>
          <a:off x="18605500" y="1441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03" name="テキスト ボックス 602">
          <a:extLst>
            <a:ext uri="{FF2B5EF4-FFF2-40B4-BE49-F238E27FC236}">
              <a16:creationId xmlns:a16="http://schemas.microsoft.com/office/drawing/2014/main" id="{316C664F-62B1-4449-AEBE-6445468F66E3}"/>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04" name="テキスト ボックス 603">
          <a:extLst>
            <a:ext uri="{FF2B5EF4-FFF2-40B4-BE49-F238E27FC236}">
              <a16:creationId xmlns:a16="http://schemas.microsoft.com/office/drawing/2014/main" id="{AB753BB0-4EDE-465D-8939-115AEA52B10E}"/>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05" name="テキスト ボックス 604">
          <a:extLst>
            <a:ext uri="{FF2B5EF4-FFF2-40B4-BE49-F238E27FC236}">
              <a16:creationId xmlns:a16="http://schemas.microsoft.com/office/drawing/2014/main" id="{50C9C7C9-DDDC-44DA-87E2-F10F9B36FC9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06" name="テキスト ボックス 605">
          <a:extLst>
            <a:ext uri="{FF2B5EF4-FFF2-40B4-BE49-F238E27FC236}">
              <a16:creationId xmlns:a16="http://schemas.microsoft.com/office/drawing/2014/main" id="{6A929B32-5043-437C-B2CC-57F36F5E95C4}"/>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07" name="テキスト ボックス 606">
          <a:extLst>
            <a:ext uri="{FF2B5EF4-FFF2-40B4-BE49-F238E27FC236}">
              <a16:creationId xmlns:a16="http://schemas.microsoft.com/office/drawing/2014/main" id="{AD43F180-7646-4B1E-A262-A4DBFA17AED3}"/>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78739</xdr:rowOff>
    </xdr:from>
    <xdr:to>
      <xdr:col>116</xdr:col>
      <xdr:colOff>114300</xdr:colOff>
      <xdr:row>85</xdr:row>
      <xdr:rowOff>8889</xdr:rowOff>
    </xdr:to>
    <xdr:sp macro="" textlink="">
      <xdr:nvSpPr>
        <xdr:cNvPr id="608" name="楕円 607">
          <a:extLst>
            <a:ext uri="{FF2B5EF4-FFF2-40B4-BE49-F238E27FC236}">
              <a16:creationId xmlns:a16="http://schemas.microsoft.com/office/drawing/2014/main" id="{E0E41EB2-B5B1-4396-8931-763D6A2FABF6}"/>
            </a:ext>
          </a:extLst>
        </xdr:cNvPr>
        <xdr:cNvSpPr/>
      </xdr:nvSpPr>
      <xdr:spPr>
        <a:xfrm>
          <a:off x="22110700" y="1448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57166</xdr:rowOff>
    </xdr:from>
    <xdr:ext cx="469744" cy="259045"/>
    <xdr:sp macro="" textlink="">
      <xdr:nvSpPr>
        <xdr:cNvPr id="609" name="【消防施設】&#10;一人当たり面積該当値テキスト">
          <a:extLst>
            <a:ext uri="{FF2B5EF4-FFF2-40B4-BE49-F238E27FC236}">
              <a16:creationId xmlns:a16="http://schemas.microsoft.com/office/drawing/2014/main" id="{8492A345-6E61-453A-B7EA-1541490AADE0}"/>
            </a:ext>
          </a:extLst>
        </xdr:cNvPr>
        <xdr:cNvSpPr txBox="1"/>
      </xdr:nvSpPr>
      <xdr:spPr>
        <a:xfrm>
          <a:off x="22199600" y="1445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83313</xdr:rowOff>
    </xdr:from>
    <xdr:to>
      <xdr:col>112</xdr:col>
      <xdr:colOff>38100</xdr:colOff>
      <xdr:row>85</xdr:row>
      <xdr:rowOff>13463</xdr:rowOff>
    </xdr:to>
    <xdr:sp macro="" textlink="">
      <xdr:nvSpPr>
        <xdr:cNvPr id="610" name="楕円 609">
          <a:extLst>
            <a:ext uri="{FF2B5EF4-FFF2-40B4-BE49-F238E27FC236}">
              <a16:creationId xmlns:a16="http://schemas.microsoft.com/office/drawing/2014/main" id="{493DEC8C-8ACC-4E0E-A6FD-D3528AF42F95}"/>
            </a:ext>
          </a:extLst>
        </xdr:cNvPr>
        <xdr:cNvSpPr/>
      </xdr:nvSpPr>
      <xdr:spPr>
        <a:xfrm>
          <a:off x="21272500" y="14485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29539</xdr:rowOff>
    </xdr:from>
    <xdr:to>
      <xdr:col>116</xdr:col>
      <xdr:colOff>63500</xdr:colOff>
      <xdr:row>84</xdr:row>
      <xdr:rowOff>134113</xdr:rowOff>
    </xdr:to>
    <xdr:cxnSp macro="">
      <xdr:nvCxnSpPr>
        <xdr:cNvPr id="611" name="直線コネクタ 610">
          <a:extLst>
            <a:ext uri="{FF2B5EF4-FFF2-40B4-BE49-F238E27FC236}">
              <a16:creationId xmlns:a16="http://schemas.microsoft.com/office/drawing/2014/main" id="{E5FA6D39-F69B-4AC4-9323-3D5CF280190F}"/>
            </a:ext>
          </a:extLst>
        </xdr:cNvPr>
        <xdr:cNvCxnSpPr/>
      </xdr:nvCxnSpPr>
      <xdr:spPr>
        <a:xfrm flipV="1">
          <a:off x="21323300" y="14531339"/>
          <a:ext cx="8382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87885</xdr:rowOff>
    </xdr:from>
    <xdr:to>
      <xdr:col>107</xdr:col>
      <xdr:colOff>101600</xdr:colOff>
      <xdr:row>85</xdr:row>
      <xdr:rowOff>18035</xdr:rowOff>
    </xdr:to>
    <xdr:sp macro="" textlink="">
      <xdr:nvSpPr>
        <xdr:cNvPr id="612" name="楕円 611">
          <a:extLst>
            <a:ext uri="{FF2B5EF4-FFF2-40B4-BE49-F238E27FC236}">
              <a16:creationId xmlns:a16="http://schemas.microsoft.com/office/drawing/2014/main" id="{E8195F44-6E8F-405C-8707-3841C01B2DA2}"/>
            </a:ext>
          </a:extLst>
        </xdr:cNvPr>
        <xdr:cNvSpPr/>
      </xdr:nvSpPr>
      <xdr:spPr>
        <a:xfrm>
          <a:off x="20383500" y="14489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34113</xdr:rowOff>
    </xdr:from>
    <xdr:to>
      <xdr:col>111</xdr:col>
      <xdr:colOff>177800</xdr:colOff>
      <xdr:row>84</xdr:row>
      <xdr:rowOff>138685</xdr:rowOff>
    </xdr:to>
    <xdr:cxnSp macro="">
      <xdr:nvCxnSpPr>
        <xdr:cNvPr id="613" name="直線コネクタ 612">
          <a:extLst>
            <a:ext uri="{FF2B5EF4-FFF2-40B4-BE49-F238E27FC236}">
              <a16:creationId xmlns:a16="http://schemas.microsoft.com/office/drawing/2014/main" id="{1B7D35B3-D871-49FD-B990-334075447DF4}"/>
            </a:ext>
          </a:extLst>
        </xdr:cNvPr>
        <xdr:cNvCxnSpPr/>
      </xdr:nvCxnSpPr>
      <xdr:spPr>
        <a:xfrm flipV="1">
          <a:off x="20434300" y="14535913"/>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92456</xdr:rowOff>
    </xdr:from>
    <xdr:to>
      <xdr:col>102</xdr:col>
      <xdr:colOff>165100</xdr:colOff>
      <xdr:row>85</xdr:row>
      <xdr:rowOff>22606</xdr:rowOff>
    </xdr:to>
    <xdr:sp macro="" textlink="">
      <xdr:nvSpPr>
        <xdr:cNvPr id="614" name="楕円 613">
          <a:extLst>
            <a:ext uri="{FF2B5EF4-FFF2-40B4-BE49-F238E27FC236}">
              <a16:creationId xmlns:a16="http://schemas.microsoft.com/office/drawing/2014/main" id="{F3599C88-144E-48DE-AABC-B611AFA76670}"/>
            </a:ext>
          </a:extLst>
        </xdr:cNvPr>
        <xdr:cNvSpPr/>
      </xdr:nvSpPr>
      <xdr:spPr>
        <a:xfrm>
          <a:off x="19494500" y="1449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38685</xdr:rowOff>
    </xdr:from>
    <xdr:to>
      <xdr:col>107</xdr:col>
      <xdr:colOff>50800</xdr:colOff>
      <xdr:row>84</xdr:row>
      <xdr:rowOff>143256</xdr:rowOff>
    </xdr:to>
    <xdr:cxnSp macro="">
      <xdr:nvCxnSpPr>
        <xdr:cNvPr id="615" name="直線コネクタ 614">
          <a:extLst>
            <a:ext uri="{FF2B5EF4-FFF2-40B4-BE49-F238E27FC236}">
              <a16:creationId xmlns:a16="http://schemas.microsoft.com/office/drawing/2014/main" id="{D44BB633-2D79-4D8A-993D-5783BB87B9DC}"/>
            </a:ext>
          </a:extLst>
        </xdr:cNvPr>
        <xdr:cNvCxnSpPr/>
      </xdr:nvCxnSpPr>
      <xdr:spPr>
        <a:xfrm flipV="1">
          <a:off x="19545300" y="14540485"/>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94742</xdr:rowOff>
    </xdr:from>
    <xdr:to>
      <xdr:col>98</xdr:col>
      <xdr:colOff>38100</xdr:colOff>
      <xdr:row>85</xdr:row>
      <xdr:rowOff>24892</xdr:rowOff>
    </xdr:to>
    <xdr:sp macro="" textlink="">
      <xdr:nvSpPr>
        <xdr:cNvPr id="616" name="楕円 615">
          <a:extLst>
            <a:ext uri="{FF2B5EF4-FFF2-40B4-BE49-F238E27FC236}">
              <a16:creationId xmlns:a16="http://schemas.microsoft.com/office/drawing/2014/main" id="{FE2213C3-F91A-48DF-9605-A30ECA9CB47A}"/>
            </a:ext>
          </a:extLst>
        </xdr:cNvPr>
        <xdr:cNvSpPr/>
      </xdr:nvSpPr>
      <xdr:spPr>
        <a:xfrm>
          <a:off x="18605500" y="14496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43256</xdr:rowOff>
    </xdr:from>
    <xdr:to>
      <xdr:col>102</xdr:col>
      <xdr:colOff>114300</xdr:colOff>
      <xdr:row>84</xdr:row>
      <xdr:rowOff>145542</xdr:rowOff>
    </xdr:to>
    <xdr:cxnSp macro="">
      <xdr:nvCxnSpPr>
        <xdr:cNvPr id="617" name="直線コネクタ 616">
          <a:extLst>
            <a:ext uri="{FF2B5EF4-FFF2-40B4-BE49-F238E27FC236}">
              <a16:creationId xmlns:a16="http://schemas.microsoft.com/office/drawing/2014/main" id="{C09AE44E-E565-499D-9C12-A973B399D1BE}"/>
            </a:ext>
          </a:extLst>
        </xdr:cNvPr>
        <xdr:cNvCxnSpPr/>
      </xdr:nvCxnSpPr>
      <xdr:spPr>
        <a:xfrm flipV="1">
          <a:off x="18656300" y="1454505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23714</xdr:rowOff>
    </xdr:from>
    <xdr:ext cx="469744" cy="259045"/>
    <xdr:sp macro="" textlink="">
      <xdr:nvSpPr>
        <xdr:cNvPr id="618" name="n_1aveValue【消防施設】&#10;一人当たり面積">
          <a:extLst>
            <a:ext uri="{FF2B5EF4-FFF2-40B4-BE49-F238E27FC236}">
              <a16:creationId xmlns:a16="http://schemas.microsoft.com/office/drawing/2014/main" id="{476307C1-9253-42B4-91A0-91EE21FA0C9B}"/>
            </a:ext>
          </a:extLst>
        </xdr:cNvPr>
        <xdr:cNvSpPr txBox="1"/>
      </xdr:nvSpPr>
      <xdr:spPr>
        <a:xfrm>
          <a:off x="21075727" y="1418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26001</xdr:rowOff>
    </xdr:from>
    <xdr:ext cx="469744" cy="259045"/>
    <xdr:sp macro="" textlink="">
      <xdr:nvSpPr>
        <xdr:cNvPr id="619" name="n_2aveValue【消防施設】&#10;一人当たり面積">
          <a:extLst>
            <a:ext uri="{FF2B5EF4-FFF2-40B4-BE49-F238E27FC236}">
              <a16:creationId xmlns:a16="http://schemas.microsoft.com/office/drawing/2014/main" id="{399D675A-BCC7-474C-88CD-F6B11093E16B}"/>
            </a:ext>
          </a:extLst>
        </xdr:cNvPr>
        <xdr:cNvSpPr txBox="1"/>
      </xdr:nvSpPr>
      <xdr:spPr>
        <a:xfrm>
          <a:off x="20199427" y="14184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19142</xdr:rowOff>
    </xdr:from>
    <xdr:ext cx="469744" cy="259045"/>
    <xdr:sp macro="" textlink="">
      <xdr:nvSpPr>
        <xdr:cNvPr id="620" name="n_3aveValue【消防施設】&#10;一人当たり面積">
          <a:extLst>
            <a:ext uri="{FF2B5EF4-FFF2-40B4-BE49-F238E27FC236}">
              <a16:creationId xmlns:a16="http://schemas.microsoft.com/office/drawing/2014/main" id="{AEBD2AC1-47A9-4331-8DF0-899EF47F109A}"/>
            </a:ext>
          </a:extLst>
        </xdr:cNvPr>
        <xdr:cNvSpPr txBox="1"/>
      </xdr:nvSpPr>
      <xdr:spPr>
        <a:xfrm>
          <a:off x="19310427" y="1417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28288</xdr:rowOff>
    </xdr:from>
    <xdr:ext cx="469744" cy="259045"/>
    <xdr:sp macro="" textlink="">
      <xdr:nvSpPr>
        <xdr:cNvPr id="621" name="n_4aveValue【消防施設】&#10;一人当たり面積">
          <a:extLst>
            <a:ext uri="{FF2B5EF4-FFF2-40B4-BE49-F238E27FC236}">
              <a16:creationId xmlns:a16="http://schemas.microsoft.com/office/drawing/2014/main" id="{EC07A8D3-B02B-46F0-9E23-E0FF25899AB8}"/>
            </a:ext>
          </a:extLst>
        </xdr:cNvPr>
        <xdr:cNvSpPr txBox="1"/>
      </xdr:nvSpPr>
      <xdr:spPr>
        <a:xfrm>
          <a:off x="18421427" y="14187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4590</xdr:rowOff>
    </xdr:from>
    <xdr:ext cx="469744" cy="259045"/>
    <xdr:sp macro="" textlink="">
      <xdr:nvSpPr>
        <xdr:cNvPr id="622" name="n_1mainValue【消防施設】&#10;一人当たり面積">
          <a:extLst>
            <a:ext uri="{FF2B5EF4-FFF2-40B4-BE49-F238E27FC236}">
              <a16:creationId xmlns:a16="http://schemas.microsoft.com/office/drawing/2014/main" id="{B41147B4-8C2C-405A-AD6F-6DC6E31BE277}"/>
            </a:ext>
          </a:extLst>
        </xdr:cNvPr>
        <xdr:cNvSpPr txBox="1"/>
      </xdr:nvSpPr>
      <xdr:spPr>
        <a:xfrm>
          <a:off x="21075727" y="14577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9162</xdr:rowOff>
    </xdr:from>
    <xdr:ext cx="469744" cy="259045"/>
    <xdr:sp macro="" textlink="">
      <xdr:nvSpPr>
        <xdr:cNvPr id="623" name="n_2mainValue【消防施設】&#10;一人当たり面積">
          <a:extLst>
            <a:ext uri="{FF2B5EF4-FFF2-40B4-BE49-F238E27FC236}">
              <a16:creationId xmlns:a16="http://schemas.microsoft.com/office/drawing/2014/main" id="{D8472896-2C61-4F4A-AA2D-2E34AFA6832C}"/>
            </a:ext>
          </a:extLst>
        </xdr:cNvPr>
        <xdr:cNvSpPr txBox="1"/>
      </xdr:nvSpPr>
      <xdr:spPr>
        <a:xfrm>
          <a:off x="20199427" y="14582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3733</xdr:rowOff>
    </xdr:from>
    <xdr:ext cx="469744" cy="259045"/>
    <xdr:sp macro="" textlink="">
      <xdr:nvSpPr>
        <xdr:cNvPr id="624" name="n_3mainValue【消防施設】&#10;一人当たり面積">
          <a:extLst>
            <a:ext uri="{FF2B5EF4-FFF2-40B4-BE49-F238E27FC236}">
              <a16:creationId xmlns:a16="http://schemas.microsoft.com/office/drawing/2014/main" id="{2E9E585B-C7DC-4F91-B0D7-39EAA08A51E3}"/>
            </a:ext>
          </a:extLst>
        </xdr:cNvPr>
        <xdr:cNvSpPr txBox="1"/>
      </xdr:nvSpPr>
      <xdr:spPr>
        <a:xfrm>
          <a:off x="19310427" y="14586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6019</xdr:rowOff>
    </xdr:from>
    <xdr:ext cx="469744" cy="259045"/>
    <xdr:sp macro="" textlink="">
      <xdr:nvSpPr>
        <xdr:cNvPr id="625" name="n_4mainValue【消防施設】&#10;一人当たり面積">
          <a:extLst>
            <a:ext uri="{FF2B5EF4-FFF2-40B4-BE49-F238E27FC236}">
              <a16:creationId xmlns:a16="http://schemas.microsoft.com/office/drawing/2014/main" id="{E2A8249F-BD59-4C6F-A3DC-4575BEFDE8FD}"/>
            </a:ext>
          </a:extLst>
        </xdr:cNvPr>
        <xdr:cNvSpPr txBox="1"/>
      </xdr:nvSpPr>
      <xdr:spPr>
        <a:xfrm>
          <a:off x="18421427" y="14589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26" name="正方形/長方形 625">
          <a:extLst>
            <a:ext uri="{FF2B5EF4-FFF2-40B4-BE49-F238E27FC236}">
              <a16:creationId xmlns:a16="http://schemas.microsoft.com/office/drawing/2014/main" id="{3CFCD268-3BA0-4F96-8386-470406B09994}"/>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27" name="正方形/長方形 626">
          <a:extLst>
            <a:ext uri="{FF2B5EF4-FFF2-40B4-BE49-F238E27FC236}">
              <a16:creationId xmlns:a16="http://schemas.microsoft.com/office/drawing/2014/main" id="{F7F56B3E-02FD-4700-860D-76208C35090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28" name="正方形/長方形 627">
          <a:extLst>
            <a:ext uri="{FF2B5EF4-FFF2-40B4-BE49-F238E27FC236}">
              <a16:creationId xmlns:a16="http://schemas.microsoft.com/office/drawing/2014/main" id="{B5CCC9C4-E17D-4DC6-A7DC-A19AA4AEE471}"/>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29" name="正方形/長方形 628">
          <a:extLst>
            <a:ext uri="{FF2B5EF4-FFF2-40B4-BE49-F238E27FC236}">
              <a16:creationId xmlns:a16="http://schemas.microsoft.com/office/drawing/2014/main" id="{B37C09E0-BE76-41A2-9253-C19EFC185A9C}"/>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0" name="正方形/長方形 629">
          <a:extLst>
            <a:ext uri="{FF2B5EF4-FFF2-40B4-BE49-F238E27FC236}">
              <a16:creationId xmlns:a16="http://schemas.microsoft.com/office/drawing/2014/main" id="{68A7DDC6-3DB7-48AE-B22A-8A4D1A6F8C6C}"/>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1" name="正方形/長方形 630">
          <a:extLst>
            <a:ext uri="{FF2B5EF4-FFF2-40B4-BE49-F238E27FC236}">
              <a16:creationId xmlns:a16="http://schemas.microsoft.com/office/drawing/2014/main" id="{ADE99DB5-282C-48AC-B9D0-EB586DD2B8DF}"/>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32" name="正方形/長方形 631">
          <a:extLst>
            <a:ext uri="{FF2B5EF4-FFF2-40B4-BE49-F238E27FC236}">
              <a16:creationId xmlns:a16="http://schemas.microsoft.com/office/drawing/2014/main" id="{AA5F1152-3D76-40F8-BA12-B388A7A3EB0B}"/>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33" name="正方形/長方形 632">
          <a:extLst>
            <a:ext uri="{FF2B5EF4-FFF2-40B4-BE49-F238E27FC236}">
              <a16:creationId xmlns:a16="http://schemas.microsoft.com/office/drawing/2014/main" id="{7182256D-7165-4C68-A1BC-B13180AE348C}"/>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34" name="テキスト ボックス 633">
          <a:extLst>
            <a:ext uri="{FF2B5EF4-FFF2-40B4-BE49-F238E27FC236}">
              <a16:creationId xmlns:a16="http://schemas.microsoft.com/office/drawing/2014/main" id="{915DA8A7-7943-4BBE-A978-A97666958BD1}"/>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35" name="直線コネクタ 634">
          <a:extLst>
            <a:ext uri="{FF2B5EF4-FFF2-40B4-BE49-F238E27FC236}">
              <a16:creationId xmlns:a16="http://schemas.microsoft.com/office/drawing/2014/main" id="{4C3B243F-8103-4BFD-8EE9-5DE33C8C2054}"/>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36" name="テキスト ボックス 635">
          <a:extLst>
            <a:ext uri="{FF2B5EF4-FFF2-40B4-BE49-F238E27FC236}">
              <a16:creationId xmlns:a16="http://schemas.microsoft.com/office/drawing/2014/main" id="{7BFAF5B2-76E5-4E8C-BD25-FEEFD66DD880}"/>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37" name="直線コネクタ 636">
          <a:extLst>
            <a:ext uri="{FF2B5EF4-FFF2-40B4-BE49-F238E27FC236}">
              <a16:creationId xmlns:a16="http://schemas.microsoft.com/office/drawing/2014/main" id="{06483A7E-2604-43BE-861E-A5E14CC81AE1}"/>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38" name="テキスト ボックス 637">
          <a:extLst>
            <a:ext uri="{FF2B5EF4-FFF2-40B4-BE49-F238E27FC236}">
              <a16:creationId xmlns:a16="http://schemas.microsoft.com/office/drawing/2014/main" id="{0C6CC944-6F35-402A-9FC7-B97643C35CEA}"/>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39" name="直線コネクタ 638">
          <a:extLst>
            <a:ext uri="{FF2B5EF4-FFF2-40B4-BE49-F238E27FC236}">
              <a16:creationId xmlns:a16="http://schemas.microsoft.com/office/drawing/2014/main" id="{976D3FB8-B79F-4749-B07F-57FB8D9712FC}"/>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40" name="テキスト ボックス 639">
          <a:extLst>
            <a:ext uri="{FF2B5EF4-FFF2-40B4-BE49-F238E27FC236}">
              <a16:creationId xmlns:a16="http://schemas.microsoft.com/office/drawing/2014/main" id="{5A696E2E-4A63-491D-8FD9-0964EF4A11DC}"/>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41" name="直線コネクタ 640">
          <a:extLst>
            <a:ext uri="{FF2B5EF4-FFF2-40B4-BE49-F238E27FC236}">
              <a16:creationId xmlns:a16="http://schemas.microsoft.com/office/drawing/2014/main" id="{BDA1BB66-2349-448B-92AD-D3BF5656CC7A}"/>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42" name="テキスト ボックス 641">
          <a:extLst>
            <a:ext uri="{FF2B5EF4-FFF2-40B4-BE49-F238E27FC236}">
              <a16:creationId xmlns:a16="http://schemas.microsoft.com/office/drawing/2014/main" id="{7A04EF12-5AF8-4842-939E-711771B0CAB0}"/>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43" name="直線コネクタ 642">
          <a:extLst>
            <a:ext uri="{FF2B5EF4-FFF2-40B4-BE49-F238E27FC236}">
              <a16:creationId xmlns:a16="http://schemas.microsoft.com/office/drawing/2014/main" id="{4BF258DE-F3C6-40EA-97D0-4464E5BFE0BB}"/>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44" name="テキスト ボックス 643">
          <a:extLst>
            <a:ext uri="{FF2B5EF4-FFF2-40B4-BE49-F238E27FC236}">
              <a16:creationId xmlns:a16="http://schemas.microsoft.com/office/drawing/2014/main" id="{868C4662-A1CB-43F6-A39F-2BFA66C0E3A3}"/>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45" name="直線コネクタ 644">
          <a:extLst>
            <a:ext uri="{FF2B5EF4-FFF2-40B4-BE49-F238E27FC236}">
              <a16:creationId xmlns:a16="http://schemas.microsoft.com/office/drawing/2014/main" id="{06AEF86B-266D-4B75-982C-AA62F0ACB98C}"/>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646" name="テキスト ボックス 645">
          <a:extLst>
            <a:ext uri="{FF2B5EF4-FFF2-40B4-BE49-F238E27FC236}">
              <a16:creationId xmlns:a16="http://schemas.microsoft.com/office/drawing/2014/main" id="{4D0D8B45-D6C9-4AF2-B066-C7935A33B822}"/>
            </a:ext>
          </a:extLst>
        </xdr:cNvPr>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47" name="直線コネクタ 646">
          <a:extLst>
            <a:ext uri="{FF2B5EF4-FFF2-40B4-BE49-F238E27FC236}">
              <a16:creationId xmlns:a16="http://schemas.microsoft.com/office/drawing/2014/main" id="{EE0844B3-DF2F-472B-A391-B3A0AB4B8DB1}"/>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8" name="【庁舎】&#10;有形固定資産減価償却率グラフ枠">
          <a:extLst>
            <a:ext uri="{FF2B5EF4-FFF2-40B4-BE49-F238E27FC236}">
              <a16:creationId xmlns:a16="http://schemas.microsoft.com/office/drawing/2014/main" id="{AC75277F-ECA3-483D-A83F-9AB9090B3569}"/>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649" name="直線コネクタ 648">
          <a:extLst>
            <a:ext uri="{FF2B5EF4-FFF2-40B4-BE49-F238E27FC236}">
              <a16:creationId xmlns:a16="http://schemas.microsoft.com/office/drawing/2014/main" id="{6A8E0230-E031-4FC6-B146-1952BE070715}"/>
            </a:ext>
          </a:extLst>
        </xdr:cNvPr>
        <xdr:cNvCxnSpPr/>
      </xdr:nvCxnSpPr>
      <xdr:spPr>
        <a:xfrm flipV="1">
          <a:off x="16318864"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650" name="【庁舎】&#10;有形固定資産減価償却率最小値テキスト">
          <a:extLst>
            <a:ext uri="{FF2B5EF4-FFF2-40B4-BE49-F238E27FC236}">
              <a16:creationId xmlns:a16="http://schemas.microsoft.com/office/drawing/2014/main" id="{5B267096-1D0E-40E8-AE7B-F17D79694AAC}"/>
            </a:ext>
          </a:extLst>
        </xdr:cNvPr>
        <xdr:cNvSpPr txBox="1"/>
      </xdr:nvSpPr>
      <xdr:spPr>
        <a:xfrm>
          <a:off x="16357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651" name="直線コネクタ 650">
          <a:extLst>
            <a:ext uri="{FF2B5EF4-FFF2-40B4-BE49-F238E27FC236}">
              <a16:creationId xmlns:a16="http://schemas.microsoft.com/office/drawing/2014/main" id="{7695EA5F-31F8-40C1-A42F-5966229AC4F8}"/>
            </a:ext>
          </a:extLst>
        </xdr:cNvPr>
        <xdr:cNvCxnSpPr/>
      </xdr:nvCxnSpPr>
      <xdr:spPr>
        <a:xfrm>
          <a:off x="16230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652" name="【庁舎】&#10;有形固定資産減価償却率最大値テキスト">
          <a:extLst>
            <a:ext uri="{FF2B5EF4-FFF2-40B4-BE49-F238E27FC236}">
              <a16:creationId xmlns:a16="http://schemas.microsoft.com/office/drawing/2014/main" id="{C3DEC04B-EDF8-4FC8-B17A-4FECCDA263C8}"/>
            </a:ext>
          </a:extLst>
        </xdr:cNvPr>
        <xdr:cNvSpPr txBox="1"/>
      </xdr:nvSpPr>
      <xdr:spPr>
        <a:xfrm>
          <a:off x="16357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653" name="直線コネクタ 652">
          <a:extLst>
            <a:ext uri="{FF2B5EF4-FFF2-40B4-BE49-F238E27FC236}">
              <a16:creationId xmlns:a16="http://schemas.microsoft.com/office/drawing/2014/main" id="{3B3D814B-F8A7-4C69-802F-4EC3F057E4A4}"/>
            </a:ext>
          </a:extLst>
        </xdr:cNvPr>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27016</xdr:rowOff>
    </xdr:from>
    <xdr:ext cx="405111" cy="259045"/>
    <xdr:sp macro="" textlink="">
      <xdr:nvSpPr>
        <xdr:cNvPr id="654" name="【庁舎】&#10;有形固定資産減価償却率平均値テキスト">
          <a:extLst>
            <a:ext uri="{FF2B5EF4-FFF2-40B4-BE49-F238E27FC236}">
              <a16:creationId xmlns:a16="http://schemas.microsoft.com/office/drawing/2014/main" id="{DF89272D-F5B1-45AA-8844-049CC2473952}"/>
            </a:ext>
          </a:extLst>
        </xdr:cNvPr>
        <xdr:cNvSpPr txBox="1"/>
      </xdr:nvSpPr>
      <xdr:spPr>
        <a:xfrm>
          <a:off x="16357600" y="176149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04139</xdr:rowOff>
    </xdr:from>
    <xdr:to>
      <xdr:col>85</xdr:col>
      <xdr:colOff>177800</xdr:colOff>
      <xdr:row>104</xdr:row>
      <xdr:rowOff>34289</xdr:rowOff>
    </xdr:to>
    <xdr:sp macro="" textlink="">
      <xdr:nvSpPr>
        <xdr:cNvPr id="655" name="フローチャート: 判断 654">
          <a:extLst>
            <a:ext uri="{FF2B5EF4-FFF2-40B4-BE49-F238E27FC236}">
              <a16:creationId xmlns:a16="http://schemas.microsoft.com/office/drawing/2014/main" id="{3B0ABF1E-39FB-4C79-AEA1-71C9F8DFFED5}"/>
            </a:ext>
          </a:extLst>
        </xdr:cNvPr>
        <xdr:cNvSpPr/>
      </xdr:nvSpPr>
      <xdr:spPr>
        <a:xfrm>
          <a:off x="16268700" y="17763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8270</xdr:rowOff>
    </xdr:from>
    <xdr:to>
      <xdr:col>81</xdr:col>
      <xdr:colOff>101600</xdr:colOff>
      <xdr:row>104</xdr:row>
      <xdr:rowOff>58420</xdr:rowOff>
    </xdr:to>
    <xdr:sp macro="" textlink="">
      <xdr:nvSpPr>
        <xdr:cNvPr id="656" name="フローチャート: 判断 655">
          <a:extLst>
            <a:ext uri="{FF2B5EF4-FFF2-40B4-BE49-F238E27FC236}">
              <a16:creationId xmlns:a16="http://schemas.microsoft.com/office/drawing/2014/main" id="{5940AE65-7DC7-4B9D-B06F-5339D857FA4C}"/>
            </a:ext>
          </a:extLst>
        </xdr:cNvPr>
        <xdr:cNvSpPr/>
      </xdr:nvSpPr>
      <xdr:spPr>
        <a:xfrm>
          <a:off x="15430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62561</xdr:rowOff>
    </xdr:from>
    <xdr:to>
      <xdr:col>76</xdr:col>
      <xdr:colOff>165100</xdr:colOff>
      <xdr:row>104</xdr:row>
      <xdr:rowOff>92711</xdr:rowOff>
    </xdr:to>
    <xdr:sp macro="" textlink="">
      <xdr:nvSpPr>
        <xdr:cNvPr id="657" name="フローチャート: 判断 656">
          <a:extLst>
            <a:ext uri="{FF2B5EF4-FFF2-40B4-BE49-F238E27FC236}">
              <a16:creationId xmlns:a16="http://schemas.microsoft.com/office/drawing/2014/main" id="{40AF591E-3226-4203-9520-B72B141805B2}"/>
            </a:ext>
          </a:extLst>
        </xdr:cNvPr>
        <xdr:cNvSpPr/>
      </xdr:nvSpPr>
      <xdr:spPr>
        <a:xfrm>
          <a:off x="14541500" y="1782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25730</xdr:rowOff>
    </xdr:from>
    <xdr:to>
      <xdr:col>72</xdr:col>
      <xdr:colOff>38100</xdr:colOff>
      <xdr:row>104</xdr:row>
      <xdr:rowOff>55880</xdr:rowOff>
    </xdr:to>
    <xdr:sp macro="" textlink="">
      <xdr:nvSpPr>
        <xdr:cNvPr id="658" name="フローチャート: 判断 657">
          <a:extLst>
            <a:ext uri="{FF2B5EF4-FFF2-40B4-BE49-F238E27FC236}">
              <a16:creationId xmlns:a16="http://schemas.microsoft.com/office/drawing/2014/main" id="{51FEC36D-4CD3-4BA7-ACED-FDC0BE42C052}"/>
            </a:ext>
          </a:extLst>
        </xdr:cNvPr>
        <xdr:cNvSpPr/>
      </xdr:nvSpPr>
      <xdr:spPr>
        <a:xfrm>
          <a:off x="13652500" y="17785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43511</xdr:rowOff>
    </xdr:from>
    <xdr:to>
      <xdr:col>67</xdr:col>
      <xdr:colOff>101600</xdr:colOff>
      <xdr:row>104</xdr:row>
      <xdr:rowOff>73661</xdr:rowOff>
    </xdr:to>
    <xdr:sp macro="" textlink="">
      <xdr:nvSpPr>
        <xdr:cNvPr id="659" name="フローチャート: 判断 658">
          <a:extLst>
            <a:ext uri="{FF2B5EF4-FFF2-40B4-BE49-F238E27FC236}">
              <a16:creationId xmlns:a16="http://schemas.microsoft.com/office/drawing/2014/main" id="{11590CBE-EDE9-4BA3-955A-1250A5033563}"/>
            </a:ext>
          </a:extLst>
        </xdr:cNvPr>
        <xdr:cNvSpPr/>
      </xdr:nvSpPr>
      <xdr:spPr>
        <a:xfrm>
          <a:off x="12763500" y="1780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60" name="テキスト ボックス 659">
          <a:extLst>
            <a:ext uri="{FF2B5EF4-FFF2-40B4-BE49-F238E27FC236}">
              <a16:creationId xmlns:a16="http://schemas.microsoft.com/office/drawing/2014/main" id="{78231F42-4CF8-4C25-A5EF-F13B814FC72A}"/>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61" name="テキスト ボックス 660">
          <a:extLst>
            <a:ext uri="{FF2B5EF4-FFF2-40B4-BE49-F238E27FC236}">
              <a16:creationId xmlns:a16="http://schemas.microsoft.com/office/drawing/2014/main" id="{250F1BE9-78DC-4DEA-8B76-EA9FCD7B6EA7}"/>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62" name="テキスト ボックス 661">
          <a:extLst>
            <a:ext uri="{FF2B5EF4-FFF2-40B4-BE49-F238E27FC236}">
              <a16:creationId xmlns:a16="http://schemas.microsoft.com/office/drawing/2014/main" id="{DDAE15B2-2140-4059-AEC0-FF159D22A803}"/>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63" name="テキスト ボックス 662">
          <a:extLst>
            <a:ext uri="{FF2B5EF4-FFF2-40B4-BE49-F238E27FC236}">
              <a16:creationId xmlns:a16="http://schemas.microsoft.com/office/drawing/2014/main" id="{BBB91DF0-1DA9-4F9C-9A37-BBEEDB3A362E}"/>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64" name="テキスト ボックス 663">
          <a:extLst>
            <a:ext uri="{FF2B5EF4-FFF2-40B4-BE49-F238E27FC236}">
              <a16:creationId xmlns:a16="http://schemas.microsoft.com/office/drawing/2014/main" id="{04C37396-8DEF-4F40-AA81-2B42087B7106}"/>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19050</xdr:rowOff>
    </xdr:from>
    <xdr:to>
      <xdr:col>85</xdr:col>
      <xdr:colOff>177800</xdr:colOff>
      <xdr:row>107</xdr:row>
      <xdr:rowOff>120650</xdr:rowOff>
    </xdr:to>
    <xdr:sp macro="" textlink="">
      <xdr:nvSpPr>
        <xdr:cNvPr id="665" name="楕円 664">
          <a:extLst>
            <a:ext uri="{FF2B5EF4-FFF2-40B4-BE49-F238E27FC236}">
              <a16:creationId xmlns:a16="http://schemas.microsoft.com/office/drawing/2014/main" id="{BFB90F24-8A4D-42D2-AD9E-E4348D56BB67}"/>
            </a:ext>
          </a:extLst>
        </xdr:cNvPr>
        <xdr:cNvSpPr/>
      </xdr:nvSpPr>
      <xdr:spPr>
        <a:xfrm>
          <a:off x="16268700" y="1836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05427</xdr:rowOff>
    </xdr:from>
    <xdr:ext cx="469744" cy="259045"/>
    <xdr:sp macro="" textlink="">
      <xdr:nvSpPr>
        <xdr:cNvPr id="666" name="【庁舎】&#10;有形固定資産減価償却率該当値テキスト">
          <a:extLst>
            <a:ext uri="{FF2B5EF4-FFF2-40B4-BE49-F238E27FC236}">
              <a16:creationId xmlns:a16="http://schemas.microsoft.com/office/drawing/2014/main" id="{20A61CE1-50EA-4E62-B375-2534C266617A}"/>
            </a:ext>
          </a:extLst>
        </xdr:cNvPr>
        <xdr:cNvSpPr txBox="1"/>
      </xdr:nvSpPr>
      <xdr:spPr>
        <a:xfrm>
          <a:off x="16357600" y="1827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67639</xdr:rowOff>
    </xdr:from>
    <xdr:to>
      <xdr:col>81</xdr:col>
      <xdr:colOff>101600</xdr:colOff>
      <xdr:row>107</xdr:row>
      <xdr:rowOff>97789</xdr:rowOff>
    </xdr:to>
    <xdr:sp macro="" textlink="">
      <xdr:nvSpPr>
        <xdr:cNvPr id="667" name="楕円 666">
          <a:extLst>
            <a:ext uri="{FF2B5EF4-FFF2-40B4-BE49-F238E27FC236}">
              <a16:creationId xmlns:a16="http://schemas.microsoft.com/office/drawing/2014/main" id="{E7B3F19F-0243-4A01-B56B-FE2A12F3E443}"/>
            </a:ext>
          </a:extLst>
        </xdr:cNvPr>
        <xdr:cNvSpPr/>
      </xdr:nvSpPr>
      <xdr:spPr>
        <a:xfrm>
          <a:off x="15430500" y="18341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46989</xdr:rowOff>
    </xdr:from>
    <xdr:to>
      <xdr:col>85</xdr:col>
      <xdr:colOff>127000</xdr:colOff>
      <xdr:row>107</xdr:row>
      <xdr:rowOff>69850</xdr:rowOff>
    </xdr:to>
    <xdr:cxnSp macro="">
      <xdr:nvCxnSpPr>
        <xdr:cNvPr id="668" name="直線コネクタ 667">
          <a:extLst>
            <a:ext uri="{FF2B5EF4-FFF2-40B4-BE49-F238E27FC236}">
              <a16:creationId xmlns:a16="http://schemas.microsoft.com/office/drawing/2014/main" id="{19753BA7-014A-4815-8F11-288571CA4472}"/>
            </a:ext>
          </a:extLst>
        </xdr:cNvPr>
        <xdr:cNvCxnSpPr/>
      </xdr:nvCxnSpPr>
      <xdr:spPr>
        <a:xfrm>
          <a:off x="15481300" y="18392139"/>
          <a:ext cx="8382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46050</xdr:rowOff>
    </xdr:from>
    <xdr:to>
      <xdr:col>76</xdr:col>
      <xdr:colOff>165100</xdr:colOff>
      <xdr:row>107</xdr:row>
      <xdr:rowOff>76200</xdr:rowOff>
    </xdr:to>
    <xdr:sp macro="" textlink="">
      <xdr:nvSpPr>
        <xdr:cNvPr id="669" name="楕円 668">
          <a:extLst>
            <a:ext uri="{FF2B5EF4-FFF2-40B4-BE49-F238E27FC236}">
              <a16:creationId xmlns:a16="http://schemas.microsoft.com/office/drawing/2014/main" id="{B28116CA-8BC4-4B60-80C6-A551B368AB12}"/>
            </a:ext>
          </a:extLst>
        </xdr:cNvPr>
        <xdr:cNvSpPr/>
      </xdr:nvSpPr>
      <xdr:spPr>
        <a:xfrm>
          <a:off x="14541500" y="1831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25400</xdr:rowOff>
    </xdr:from>
    <xdr:to>
      <xdr:col>81</xdr:col>
      <xdr:colOff>50800</xdr:colOff>
      <xdr:row>107</xdr:row>
      <xdr:rowOff>46989</xdr:rowOff>
    </xdr:to>
    <xdr:cxnSp macro="">
      <xdr:nvCxnSpPr>
        <xdr:cNvPr id="670" name="直線コネクタ 669">
          <a:extLst>
            <a:ext uri="{FF2B5EF4-FFF2-40B4-BE49-F238E27FC236}">
              <a16:creationId xmlns:a16="http://schemas.microsoft.com/office/drawing/2014/main" id="{83C46BB8-3238-4F38-9319-87C9BF68F043}"/>
            </a:ext>
          </a:extLst>
        </xdr:cNvPr>
        <xdr:cNvCxnSpPr/>
      </xdr:nvCxnSpPr>
      <xdr:spPr>
        <a:xfrm>
          <a:off x="14592300" y="18370550"/>
          <a:ext cx="889000" cy="21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23189</xdr:rowOff>
    </xdr:from>
    <xdr:to>
      <xdr:col>72</xdr:col>
      <xdr:colOff>38100</xdr:colOff>
      <xdr:row>107</xdr:row>
      <xdr:rowOff>53339</xdr:rowOff>
    </xdr:to>
    <xdr:sp macro="" textlink="">
      <xdr:nvSpPr>
        <xdr:cNvPr id="671" name="楕円 670">
          <a:extLst>
            <a:ext uri="{FF2B5EF4-FFF2-40B4-BE49-F238E27FC236}">
              <a16:creationId xmlns:a16="http://schemas.microsoft.com/office/drawing/2014/main" id="{D24648BF-8400-4D2B-9FC5-0E6021629522}"/>
            </a:ext>
          </a:extLst>
        </xdr:cNvPr>
        <xdr:cNvSpPr/>
      </xdr:nvSpPr>
      <xdr:spPr>
        <a:xfrm>
          <a:off x="13652500" y="18296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2539</xdr:rowOff>
    </xdr:from>
    <xdr:to>
      <xdr:col>76</xdr:col>
      <xdr:colOff>114300</xdr:colOff>
      <xdr:row>107</xdr:row>
      <xdr:rowOff>25400</xdr:rowOff>
    </xdr:to>
    <xdr:cxnSp macro="">
      <xdr:nvCxnSpPr>
        <xdr:cNvPr id="672" name="直線コネクタ 671">
          <a:extLst>
            <a:ext uri="{FF2B5EF4-FFF2-40B4-BE49-F238E27FC236}">
              <a16:creationId xmlns:a16="http://schemas.microsoft.com/office/drawing/2014/main" id="{64C003FC-0EFA-400F-A0BB-2D961F72AD52}"/>
            </a:ext>
          </a:extLst>
        </xdr:cNvPr>
        <xdr:cNvCxnSpPr/>
      </xdr:nvCxnSpPr>
      <xdr:spPr>
        <a:xfrm>
          <a:off x="13703300" y="18347689"/>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115570</xdr:rowOff>
    </xdr:from>
    <xdr:to>
      <xdr:col>67</xdr:col>
      <xdr:colOff>101600</xdr:colOff>
      <xdr:row>107</xdr:row>
      <xdr:rowOff>45720</xdr:rowOff>
    </xdr:to>
    <xdr:sp macro="" textlink="">
      <xdr:nvSpPr>
        <xdr:cNvPr id="673" name="楕円 672">
          <a:extLst>
            <a:ext uri="{FF2B5EF4-FFF2-40B4-BE49-F238E27FC236}">
              <a16:creationId xmlns:a16="http://schemas.microsoft.com/office/drawing/2014/main" id="{C1583859-E066-4AC4-87E2-A6B7E9702DC3}"/>
            </a:ext>
          </a:extLst>
        </xdr:cNvPr>
        <xdr:cNvSpPr/>
      </xdr:nvSpPr>
      <xdr:spPr>
        <a:xfrm>
          <a:off x="12763500" y="18289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66370</xdr:rowOff>
    </xdr:from>
    <xdr:to>
      <xdr:col>71</xdr:col>
      <xdr:colOff>177800</xdr:colOff>
      <xdr:row>107</xdr:row>
      <xdr:rowOff>2539</xdr:rowOff>
    </xdr:to>
    <xdr:cxnSp macro="">
      <xdr:nvCxnSpPr>
        <xdr:cNvPr id="674" name="直線コネクタ 673">
          <a:extLst>
            <a:ext uri="{FF2B5EF4-FFF2-40B4-BE49-F238E27FC236}">
              <a16:creationId xmlns:a16="http://schemas.microsoft.com/office/drawing/2014/main" id="{B06424FA-25B9-4C0F-8423-85A7A61E7C1C}"/>
            </a:ext>
          </a:extLst>
        </xdr:cNvPr>
        <xdr:cNvCxnSpPr/>
      </xdr:nvCxnSpPr>
      <xdr:spPr>
        <a:xfrm>
          <a:off x="12814300" y="18340070"/>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74947</xdr:rowOff>
    </xdr:from>
    <xdr:ext cx="405111" cy="259045"/>
    <xdr:sp macro="" textlink="">
      <xdr:nvSpPr>
        <xdr:cNvPr id="675" name="n_1aveValue【庁舎】&#10;有形固定資産減価償却率">
          <a:extLst>
            <a:ext uri="{FF2B5EF4-FFF2-40B4-BE49-F238E27FC236}">
              <a16:creationId xmlns:a16="http://schemas.microsoft.com/office/drawing/2014/main" id="{94D4E072-E10A-4636-B712-B931784B4FA2}"/>
            </a:ext>
          </a:extLst>
        </xdr:cNvPr>
        <xdr:cNvSpPr txBox="1"/>
      </xdr:nvSpPr>
      <xdr:spPr>
        <a:xfrm>
          <a:off x="15266044" y="1756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09238</xdr:rowOff>
    </xdr:from>
    <xdr:ext cx="405111" cy="259045"/>
    <xdr:sp macro="" textlink="">
      <xdr:nvSpPr>
        <xdr:cNvPr id="676" name="n_2aveValue【庁舎】&#10;有形固定資産減価償却率">
          <a:extLst>
            <a:ext uri="{FF2B5EF4-FFF2-40B4-BE49-F238E27FC236}">
              <a16:creationId xmlns:a16="http://schemas.microsoft.com/office/drawing/2014/main" id="{9E9F9F33-C2DB-475A-93C8-6F227F603F86}"/>
            </a:ext>
          </a:extLst>
        </xdr:cNvPr>
        <xdr:cNvSpPr txBox="1"/>
      </xdr:nvSpPr>
      <xdr:spPr>
        <a:xfrm>
          <a:off x="14389744" y="1759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72407</xdr:rowOff>
    </xdr:from>
    <xdr:ext cx="405111" cy="259045"/>
    <xdr:sp macro="" textlink="">
      <xdr:nvSpPr>
        <xdr:cNvPr id="677" name="n_3aveValue【庁舎】&#10;有形固定資産減価償却率">
          <a:extLst>
            <a:ext uri="{FF2B5EF4-FFF2-40B4-BE49-F238E27FC236}">
              <a16:creationId xmlns:a16="http://schemas.microsoft.com/office/drawing/2014/main" id="{665DCC03-2B56-4DD4-AEE7-A0282B35A33B}"/>
            </a:ext>
          </a:extLst>
        </xdr:cNvPr>
        <xdr:cNvSpPr txBox="1"/>
      </xdr:nvSpPr>
      <xdr:spPr>
        <a:xfrm>
          <a:off x="13500744" y="17560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90188</xdr:rowOff>
    </xdr:from>
    <xdr:ext cx="405111" cy="259045"/>
    <xdr:sp macro="" textlink="">
      <xdr:nvSpPr>
        <xdr:cNvPr id="678" name="n_4aveValue【庁舎】&#10;有形固定資産減価償却率">
          <a:extLst>
            <a:ext uri="{FF2B5EF4-FFF2-40B4-BE49-F238E27FC236}">
              <a16:creationId xmlns:a16="http://schemas.microsoft.com/office/drawing/2014/main" id="{10FDBB30-8E28-43B4-85C2-95DA7536B33B}"/>
            </a:ext>
          </a:extLst>
        </xdr:cNvPr>
        <xdr:cNvSpPr txBox="1"/>
      </xdr:nvSpPr>
      <xdr:spPr>
        <a:xfrm>
          <a:off x="12611744" y="1757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88916</xdr:rowOff>
    </xdr:from>
    <xdr:ext cx="405111" cy="259045"/>
    <xdr:sp macro="" textlink="">
      <xdr:nvSpPr>
        <xdr:cNvPr id="679" name="n_1mainValue【庁舎】&#10;有形固定資産減価償却率">
          <a:extLst>
            <a:ext uri="{FF2B5EF4-FFF2-40B4-BE49-F238E27FC236}">
              <a16:creationId xmlns:a16="http://schemas.microsoft.com/office/drawing/2014/main" id="{99FE0FC5-5F85-4508-AD4F-F956498CE851}"/>
            </a:ext>
          </a:extLst>
        </xdr:cNvPr>
        <xdr:cNvSpPr txBox="1"/>
      </xdr:nvSpPr>
      <xdr:spPr>
        <a:xfrm>
          <a:off x="15266044" y="18434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67327</xdr:rowOff>
    </xdr:from>
    <xdr:ext cx="405111" cy="259045"/>
    <xdr:sp macro="" textlink="">
      <xdr:nvSpPr>
        <xdr:cNvPr id="680" name="n_2mainValue【庁舎】&#10;有形固定資産減価償却率">
          <a:extLst>
            <a:ext uri="{FF2B5EF4-FFF2-40B4-BE49-F238E27FC236}">
              <a16:creationId xmlns:a16="http://schemas.microsoft.com/office/drawing/2014/main" id="{871E14E5-EC3F-418B-BD6C-08F1D476A682}"/>
            </a:ext>
          </a:extLst>
        </xdr:cNvPr>
        <xdr:cNvSpPr txBox="1"/>
      </xdr:nvSpPr>
      <xdr:spPr>
        <a:xfrm>
          <a:off x="14389744" y="18412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44466</xdr:rowOff>
    </xdr:from>
    <xdr:ext cx="405111" cy="259045"/>
    <xdr:sp macro="" textlink="">
      <xdr:nvSpPr>
        <xdr:cNvPr id="681" name="n_3mainValue【庁舎】&#10;有形固定資産減価償却率">
          <a:extLst>
            <a:ext uri="{FF2B5EF4-FFF2-40B4-BE49-F238E27FC236}">
              <a16:creationId xmlns:a16="http://schemas.microsoft.com/office/drawing/2014/main" id="{F53B2A4C-298C-489B-BD6F-00BE012677D9}"/>
            </a:ext>
          </a:extLst>
        </xdr:cNvPr>
        <xdr:cNvSpPr txBox="1"/>
      </xdr:nvSpPr>
      <xdr:spPr>
        <a:xfrm>
          <a:off x="13500744" y="18389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36847</xdr:rowOff>
    </xdr:from>
    <xdr:ext cx="405111" cy="259045"/>
    <xdr:sp macro="" textlink="">
      <xdr:nvSpPr>
        <xdr:cNvPr id="682" name="n_4mainValue【庁舎】&#10;有形固定資産減価償却率">
          <a:extLst>
            <a:ext uri="{FF2B5EF4-FFF2-40B4-BE49-F238E27FC236}">
              <a16:creationId xmlns:a16="http://schemas.microsoft.com/office/drawing/2014/main" id="{7C39816F-1763-4E20-B1D9-3950E6B568F9}"/>
            </a:ext>
          </a:extLst>
        </xdr:cNvPr>
        <xdr:cNvSpPr txBox="1"/>
      </xdr:nvSpPr>
      <xdr:spPr>
        <a:xfrm>
          <a:off x="12611744" y="18381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83" name="正方形/長方形 682">
          <a:extLst>
            <a:ext uri="{FF2B5EF4-FFF2-40B4-BE49-F238E27FC236}">
              <a16:creationId xmlns:a16="http://schemas.microsoft.com/office/drawing/2014/main" id="{C87EAB58-CAAF-4F26-9C4F-D9C9F61FE82C}"/>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84" name="正方形/長方形 683">
          <a:extLst>
            <a:ext uri="{FF2B5EF4-FFF2-40B4-BE49-F238E27FC236}">
              <a16:creationId xmlns:a16="http://schemas.microsoft.com/office/drawing/2014/main" id="{BFF74607-EE3B-4099-B5D6-223B17707CDD}"/>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85" name="正方形/長方形 684">
          <a:extLst>
            <a:ext uri="{FF2B5EF4-FFF2-40B4-BE49-F238E27FC236}">
              <a16:creationId xmlns:a16="http://schemas.microsoft.com/office/drawing/2014/main" id="{2A79D69E-4C10-4966-BCAE-66525BCC7D67}"/>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86" name="正方形/長方形 685">
          <a:extLst>
            <a:ext uri="{FF2B5EF4-FFF2-40B4-BE49-F238E27FC236}">
              <a16:creationId xmlns:a16="http://schemas.microsoft.com/office/drawing/2014/main" id="{29FA32FA-02CA-460D-AC16-697B62881627}"/>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87" name="正方形/長方形 686">
          <a:extLst>
            <a:ext uri="{FF2B5EF4-FFF2-40B4-BE49-F238E27FC236}">
              <a16:creationId xmlns:a16="http://schemas.microsoft.com/office/drawing/2014/main" id="{7A41182A-5EED-4466-9EA3-8F0562E1740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88" name="正方形/長方形 687">
          <a:extLst>
            <a:ext uri="{FF2B5EF4-FFF2-40B4-BE49-F238E27FC236}">
              <a16:creationId xmlns:a16="http://schemas.microsoft.com/office/drawing/2014/main" id="{FBB2624F-A75E-46AC-8E0B-96972A64C8D1}"/>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89" name="正方形/長方形 688">
          <a:extLst>
            <a:ext uri="{FF2B5EF4-FFF2-40B4-BE49-F238E27FC236}">
              <a16:creationId xmlns:a16="http://schemas.microsoft.com/office/drawing/2014/main" id="{94F8F35C-39F3-498B-BFD1-98B42998B4AC}"/>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90" name="正方形/長方形 689">
          <a:extLst>
            <a:ext uri="{FF2B5EF4-FFF2-40B4-BE49-F238E27FC236}">
              <a16:creationId xmlns:a16="http://schemas.microsoft.com/office/drawing/2014/main" id="{5062D179-FE68-410D-9812-D291686B1AF7}"/>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91" name="テキスト ボックス 690">
          <a:extLst>
            <a:ext uri="{FF2B5EF4-FFF2-40B4-BE49-F238E27FC236}">
              <a16:creationId xmlns:a16="http://schemas.microsoft.com/office/drawing/2014/main" id="{11F4C016-6B08-4E5F-8649-8780DCA9BEF9}"/>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92" name="直線コネクタ 691">
          <a:extLst>
            <a:ext uri="{FF2B5EF4-FFF2-40B4-BE49-F238E27FC236}">
              <a16:creationId xmlns:a16="http://schemas.microsoft.com/office/drawing/2014/main" id="{6BA8092B-B8EC-4348-A0D4-D8D0BA9749BA}"/>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93" name="直線コネクタ 692">
          <a:extLst>
            <a:ext uri="{FF2B5EF4-FFF2-40B4-BE49-F238E27FC236}">
              <a16:creationId xmlns:a16="http://schemas.microsoft.com/office/drawing/2014/main" id="{82F1BCB6-EF5D-4ADF-A858-09BAA67AA32E}"/>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94" name="テキスト ボックス 693">
          <a:extLst>
            <a:ext uri="{FF2B5EF4-FFF2-40B4-BE49-F238E27FC236}">
              <a16:creationId xmlns:a16="http://schemas.microsoft.com/office/drawing/2014/main" id="{4537F45B-1D7C-43AD-9A4A-D0D32A0D0C60}"/>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95" name="直線コネクタ 694">
          <a:extLst>
            <a:ext uri="{FF2B5EF4-FFF2-40B4-BE49-F238E27FC236}">
              <a16:creationId xmlns:a16="http://schemas.microsoft.com/office/drawing/2014/main" id="{6B0526B6-E515-476F-AB36-F329670AFA4E}"/>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96" name="テキスト ボックス 695">
          <a:extLst>
            <a:ext uri="{FF2B5EF4-FFF2-40B4-BE49-F238E27FC236}">
              <a16:creationId xmlns:a16="http://schemas.microsoft.com/office/drawing/2014/main" id="{912A7C38-E0C0-4891-989C-7879CE90BF02}"/>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97" name="直線コネクタ 696">
          <a:extLst>
            <a:ext uri="{FF2B5EF4-FFF2-40B4-BE49-F238E27FC236}">
              <a16:creationId xmlns:a16="http://schemas.microsoft.com/office/drawing/2014/main" id="{321F2E33-A232-458B-822B-05597940D8AE}"/>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98" name="テキスト ボックス 697">
          <a:extLst>
            <a:ext uri="{FF2B5EF4-FFF2-40B4-BE49-F238E27FC236}">
              <a16:creationId xmlns:a16="http://schemas.microsoft.com/office/drawing/2014/main" id="{584CE9F2-CE95-4DC3-80D1-583536E30D83}"/>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99" name="直線コネクタ 698">
          <a:extLst>
            <a:ext uri="{FF2B5EF4-FFF2-40B4-BE49-F238E27FC236}">
              <a16:creationId xmlns:a16="http://schemas.microsoft.com/office/drawing/2014/main" id="{A6855402-5584-4FB0-BFA3-D4AB0B70B6B9}"/>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00" name="テキスト ボックス 699">
          <a:extLst>
            <a:ext uri="{FF2B5EF4-FFF2-40B4-BE49-F238E27FC236}">
              <a16:creationId xmlns:a16="http://schemas.microsoft.com/office/drawing/2014/main" id="{0335E898-8B94-4EEF-A317-EA521DF90AAD}"/>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01" name="直線コネクタ 700">
          <a:extLst>
            <a:ext uri="{FF2B5EF4-FFF2-40B4-BE49-F238E27FC236}">
              <a16:creationId xmlns:a16="http://schemas.microsoft.com/office/drawing/2014/main" id="{D8E1CE98-335B-4C59-A1E6-3D72EC89C08E}"/>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02" name="テキスト ボックス 701">
          <a:extLst>
            <a:ext uri="{FF2B5EF4-FFF2-40B4-BE49-F238E27FC236}">
              <a16:creationId xmlns:a16="http://schemas.microsoft.com/office/drawing/2014/main" id="{C69F3C6C-5F26-4ED9-951F-98DE2805BA44}"/>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03" name="直線コネクタ 702">
          <a:extLst>
            <a:ext uri="{FF2B5EF4-FFF2-40B4-BE49-F238E27FC236}">
              <a16:creationId xmlns:a16="http://schemas.microsoft.com/office/drawing/2014/main" id="{F023A16D-D4B4-493C-A13C-1C4BBAF52515}"/>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04" name="テキスト ボックス 703">
          <a:extLst>
            <a:ext uri="{FF2B5EF4-FFF2-40B4-BE49-F238E27FC236}">
              <a16:creationId xmlns:a16="http://schemas.microsoft.com/office/drawing/2014/main" id="{73A04C88-29C7-4A64-936A-132FE1D13571}"/>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05" name="直線コネクタ 704">
          <a:extLst>
            <a:ext uri="{FF2B5EF4-FFF2-40B4-BE49-F238E27FC236}">
              <a16:creationId xmlns:a16="http://schemas.microsoft.com/office/drawing/2014/main" id="{B17BF68C-C3DE-4944-842C-90583B6F5B21}"/>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06" name="テキスト ボックス 705">
          <a:extLst>
            <a:ext uri="{FF2B5EF4-FFF2-40B4-BE49-F238E27FC236}">
              <a16:creationId xmlns:a16="http://schemas.microsoft.com/office/drawing/2014/main" id="{47A9A0D7-199F-4D9C-BBA6-28FE63A6BF7E}"/>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07" name="【庁舎】&#10;一人当たり面積グラフ枠">
          <a:extLst>
            <a:ext uri="{FF2B5EF4-FFF2-40B4-BE49-F238E27FC236}">
              <a16:creationId xmlns:a16="http://schemas.microsoft.com/office/drawing/2014/main" id="{6078A5EC-0BD5-4D0E-AF14-5D6D977673DD}"/>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34982</xdr:rowOff>
    </xdr:from>
    <xdr:to>
      <xdr:col>116</xdr:col>
      <xdr:colOff>62864</xdr:colOff>
      <xdr:row>107</xdr:row>
      <xdr:rowOff>159476</xdr:rowOff>
    </xdr:to>
    <xdr:cxnSp macro="">
      <xdr:nvCxnSpPr>
        <xdr:cNvPr id="708" name="直線コネクタ 707">
          <a:extLst>
            <a:ext uri="{FF2B5EF4-FFF2-40B4-BE49-F238E27FC236}">
              <a16:creationId xmlns:a16="http://schemas.microsoft.com/office/drawing/2014/main" id="{B043C8CF-1147-4369-B3AC-B342F1A7CEAC}"/>
            </a:ext>
          </a:extLst>
        </xdr:cNvPr>
        <xdr:cNvCxnSpPr/>
      </xdr:nvCxnSpPr>
      <xdr:spPr>
        <a:xfrm flipV="1">
          <a:off x="22160864" y="17279982"/>
          <a:ext cx="0" cy="1224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63303</xdr:rowOff>
    </xdr:from>
    <xdr:ext cx="469744" cy="259045"/>
    <xdr:sp macro="" textlink="">
      <xdr:nvSpPr>
        <xdr:cNvPr id="709" name="【庁舎】&#10;一人当たり面積最小値テキスト">
          <a:extLst>
            <a:ext uri="{FF2B5EF4-FFF2-40B4-BE49-F238E27FC236}">
              <a16:creationId xmlns:a16="http://schemas.microsoft.com/office/drawing/2014/main" id="{72C387F4-CE6A-471A-8697-74F70166C4C5}"/>
            </a:ext>
          </a:extLst>
        </xdr:cNvPr>
        <xdr:cNvSpPr txBox="1"/>
      </xdr:nvSpPr>
      <xdr:spPr>
        <a:xfrm>
          <a:off x="22199600" y="18508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59476</xdr:rowOff>
    </xdr:from>
    <xdr:to>
      <xdr:col>116</xdr:col>
      <xdr:colOff>152400</xdr:colOff>
      <xdr:row>107</xdr:row>
      <xdr:rowOff>159476</xdr:rowOff>
    </xdr:to>
    <xdr:cxnSp macro="">
      <xdr:nvCxnSpPr>
        <xdr:cNvPr id="710" name="直線コネクタ 709">
          <a:extLst>
            <a:ext uri="{FF2B5EF4-FFF2-40B4-BE49-F238E27FC236}">
              <a16:creationId xmlns:a16="http://schemas.microsoft.com/office/drawing/2014/main" id="{4C8D2510-AB8F-447C-A784-AE345813B557}"/>
            </a:ext>
          </a:extLst>
        </xdr:cNvPr>
        <xdr:cNvCxnSpPr/>
      </xdr:nvCxnSpPr>
      <xdr:spPr>
        <a:xfrm>
          <a:off x="22072600" y="1850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81659</xdr:rowOff>
    </xdr:from>
    <xdr:ext cx="469744" cy="259045"/>
    <xdr:sp macro="" textlink="">
      <xdr:nvSpPr>
        <xdr:cNvPr id="711" name="【庁舎】&#10;一人当たり面積最大値テキスト">
          <a:extLst>
            <a:ext uri="{FF2B5EF4-FFF2-40B4-BE49-F238E27FC236}">
              <a16:creationId xmlns:a16="http://schemas.microsoft.com/office/drawing/2014/main" id="{3116C354-A3A4-42CA-A6CC-4370BB1F3136}"/>
            </a:ext>
          </a:extLst>
        </xdr:cNvPr>
        <xdr:cNvSpPr txBox="1"/>
      </xdr:nvSpPr>
      <xdr:spPr>
        <a:xfrm>
          <a:off x="22199600" y="17055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34982</xdr:rowOff>
    </xdr:from>
    <xdr:to>
      <xdr:col>116</xdr:col>
      <xdr:colOff>152400</xdr:colOff>
      <xdr:row>100</xdr:row>
      <xdr:rowOff>134982</xdr:rowOff>
    </xdr:to>
    <xdr:cxnSp macro="">
      <xdr:nvCxnSpPr>
        <xdr:cNvPr id="712" name="直線コネクタ 711">
          <a:extLst>
            <a:ext uri="{FF2B5EF4-FFF2-40B4-BE49-F238E27FC236}">
              <a16:creationId xmlns:a16="http://schemas.microsoft.com/office/drawing/2014/main" id="{578F804D-7120-4368-B3E6-6F263F6D7872}"/>
            </a:ext>
          </a:extLst>
        </xdr:cNvPr>
        <xdr:cNvCxnSpPr/>
      </xdr:nvCxnSpPr>
      <xdr:spPr>
        <a:xfrm>
          <a:off x="22072600" y="172799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68415</xdr:rowOff>
    </xdr:from>
    <xdr:ext cx="469744" cy="259045"/>
    <xdr:sp macro="" textlink="">
      <xdr:nvSpPr>
        <xdr:cNvPr id="713" name="【庁舎】&#10;一人当たり面積平均値テキスト">
          <a:extLst>
            <a:ext uri="{FF2B5EF4-FFF2-40B4-BE49-F238E27FC236}">
              <a16:creationId xmlns:a16="http://schemas.microsoft.com/office/drawing/2014/main" id="{2E0414BF-B030-4267-880B-AD34DDB90C10}"/>
            </a:ext>
          </a:extLst>
        </xdr:cNvPr>
        <xdr:cNvSpPr txBox="1"/>
      </xdr:nvSpPr>
      <xdr:spPr>
        <a:xfrm>
          <a:off x="22199600" y="178992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5538</xdr:rowOff>
    </xdr:from>
    <xdr:to>
      <xdr:col>116</xdr:col>
      <xdr:colOff>114300</xdr:colOff>
      <xdr:row>105</xdr:row>
      <xdr:rowOff>147138</xdr:rowOff>
    </xdr:to>
    <xdr:sp macro="" textlink="">
      <xdr:nvSpPr>
        <xdr:cNvPr id="714" name="フローチャート: 判断 713">
          <a:extLst>
            <a:ext uri="{FF2B5EF4-FFF2-40B4-BE49-F238E27FC236}">
              <a16:creationId xmlns:a16="http://schemas.microsoft.com/office/drawing/2014/main" id="{92C4ADC2-424A-42BD-B8E2-C5953725FF90}"/>
            </a:ext>
          </a:extLst>
        </xdr:cNvPr>
        <xdr:cNvSpPr/>
      </xdr:nvSpPr>
      <xdr:spPr>
        <a:xfrm>
          <a:off x="22110700" y="18047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60779</xdr:rowOff>
    </xdr:from>
    <xdr:to>
      <xdr:col>112</xdr:col>
      <xdr:colOff>38100</xdr:colOff>
      <xdr:row>105</xdr:row>
      <xdr:rowOff>162379</xdr:rowOff>
    </xdr:to>
    <xdr:sp macro="" textlink="">
      <xdr:nvSpPr>
        <xdr:cNvPr id="715" name="フローチャート: 判断 714">
          <a:extLst>
            <a:ext uri="{FF2B5EF4-FFF2-40B4-BE49-F238E27FC236}">
              <a16:creationId xmlns:a16="http://schemas.microsoft.com/office/drawing/2014/main" id="{155A5269-0F13-4E42-B4E9-5958A08C014F}"/>
            </a:ext>
          </a:extLst>
        </xdr:cNvPr>
        <xdr:cNvSpPr/>
      </xdr:nvSpPr>
      <xdr:spPr>
        <a:xfrm>
          <a:off x="21272500" y="18063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10852</xdr:rowOff>
    </xdr:from>
    <xdr:to>
      <xdr:col>107</xdr:col>
      <xdr:colOff>101600</xdr:colOff>
      <xdr:row>106</xdr:row>
      <xdr:rowOff>41002</xdr:rowOff>
    </xdr:to>
    <xdr:sp macro="" textlink="">
      <xdr:nvSpPr>
        <xdr:cNvPr id="716" name="フローチャート: 判断 715">
          <a:extLst>
            <a:ext uri="{FF2B5EF4-FFF2-40B4-BE49-F238E27FC236}">
              <a16:creationId xmlns:a16="http://schemas.microsoft.com/office/drawing/2014/main" id="{E104F085-7452-4E47-804B-36AF26C1EDED}"/>
            </a:ext>
          </a:extLst>
        </xdr:cNvPr>
        <xdr:cNvSpPr/>
      </xdr:nvSpPr>
      <xdr:spPr>
        <a:xfrm>
          <a:off x="20383500" y="18113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8879</xdr:rowOff>
    </xdr:from>
    <xdr:to>
      <xdr:col>102</xdr:col>
      <xdr:colOff>165100</xdr:colOff>
      <xdr:row>106</xdr:row>
      <xdr:rowOff>29029</xdr:rowOff>
    </xdr:to>
    <xdr:sp macro="" textlink="">
      <xdr:nvSpPr>
        <xdr:cNvPr id="717" name="フローチャート: 判断 716">
          <a:extLst>
            <a:ext uri="{FF2B5EF4-FFF2-40B4-BE49-F238E27FC236}">
              <a16:creationId xmlns:a16="http://schemas.microsoft.com/office/drawing/2014/main" id="{C9C0FC43-319F-438E-9D8A-7E054251D385}"/>
            </a:ext>
          </a:extLst>
        </xdr:cNvPr>
        <xdr:cNvSpPr/>
      </xdr:nvSpPr>
      <xdr:spPr>
        <a:xfrm>
          <a:off x="19494500" y="18101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12486</xdr:rowOff>
    </xdr:from>
    <xdr:to>
      <xdr:col>98</xdr:col>
      <xdr:colOff>38100</xdr:colOff>
      <xdr:row>105</xdr:row>
      <xdr:rowOff>42636</xdr:rowOff>
    </xdr:to>
    <xdr:sp macro="" textlink="">
      <xdr:nvSpPr>
        <xdr:cNvPr id="718" name="フローチャート: 判断 717">
          <a:extLst>
            <a:ext uri="{FF2B5EF4-FFF2-40B4-BE49-F238E27FC236}">
              <a16:creationId xmlns:a16="http://schemas.microsoft.com/office/drawing/2014/main" id="{F623C892-5D9A-4596-9403-315B2171EB07}"/>
            </a:ext>
          </a:extLst>
        </xdr:cNvPr>
        <xdr:cNvSpPr/>
      </xdr:nvSpPr>
      <xdr:spPr>
        <a:xfrm>
          <a:off x="18605500" y="17943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19" name="テキスト ボックス 718">
          <a:extLst>
            <a:ext uri="{FF2B5EF4-FFF2-40B4-BE49-F238E27FC236}">
              <a16:creationId xmlns:a16="http://schemas.microsoft.com/office/drawing/2014/main" id="{5ECD615D-B08D-4C88-BB69-E60C217D8B8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0" name="テキスト ボックス 719">
          <a:extLst>
            <a:ext uri="{FF2B5EF4-FFF2-40B4-BE49-F238E27FC236}">
              <a16:creationId xmlns:a16="http://schemas.microsoft.com/office/drawing/2014/main" id="{C4970280-86D9-47D7-B2DA-AE294A3C804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1" name="テキスト ボックス 720">
          <a:extLst>
            <a:ext uri="{FF2B5EF4-FFF2-40B4-BE49-F238E27FC236}">
              <a16:creationId xmlns:a16="http://schemas.microsoft.com/office/drawing/2014/main" id="{6F8AC2B2-8915-4787-98BE-716F06CFAC22}"/>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22" name="テキスト ボックス 721">
          <a:extLst>
            <a:ext uri="{FF2B5EF4-FFF2-40B4-BE49-F238E27FC236}">
              <a16:creationId xmlns:a16="http://schemas.microsoft.com/office/drawing/2014/main" id="{9E895692-7116-42E6-ADA1-4BCF62BB8207}"/>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23" name="テキスト ボックス 722">
          <a:extLst>
            <a:ext uri="{FF2B5EF4-FFF2-40B4-BE49-F238E27FC236}">
              <a16:creationId xmlns:a16="http://schemas.microsoft.com/office/drawing/2014/main" id="{479BB947-4474-4949-BDB8-42529DF99BF9}"/>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54248</xdr:rowOff>
    </xdr:from>
    <xdr:to>
      <xdr:col>116</xdr:col>
      <xdr:colOff>114300</xdr:colOff>
      <xdr:row>107</xdr:row>
      <xdr:rowOff>155848</xdr:rowOff>
    </xdr:to>
    <xdr:sp macro="" textlink="">
      <xdr:nvSpPr>
        <xdr:cNvPr id="724" name="楕円 723">
          <a:extLst>
            <a:ext uri="{FF2B5EF4-FFF2-40B4-BE49-F238E27FC236}">
              <a16:creationId xmlns:a16="http://schemas.microsoft.com/office/drawing/2014/main" id="{BFA79C2F-D94D-45E3-B5AF-B7D1786D9C05}"/>
            </a:ext>
          </a:extLst>
        </xdr:cNvPr>
        <xdr:cNvSpPr/>
      </xdr:nvSpPr>
      <xdr:spPr>
        <a:xfrm>
          <a:off x="22110700" y="18399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0625</xdr:rowOff>
    </xdr:from>
    <xdr:ext cx="469744" cy="259045"/>
    <xdr:sp macro="" textlink="">
      <xdr:nvSpPr>
        <xdr:cNvPr id="725" name="【庁舎】&#10;一人当たり面積該当値テキスト">
          <a:extLst>
            <a:ext uri="{FF2B5EF4-FFF2-40B4-BE49-F238E27FC236}">
              <a16:creationId xmlns:a16="http://schemas.microsoft.com/office/drawing/2014/main" id="{6C2A692D-871D-4F2A-A1DD-BCA494E0430B}"/>
            </a:ext>
          </a:extLst>
        </xdr:cNvPr>
        <xdr:cNvSpPr txBox="1"/>
      </xdr:nvSpPr>
      <xdr:spPr>
        <a:xfrm>
          <a:off x="22199600" y="18314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59689</xdr:rowOff>
    </xdr:from>
    <xdr:to>
      <xdr:col>112</xdr:col>
      <xdr:colOff>38100</xdr:colOff>
      <xdr:row>107</xdr:row>
      <xdr:rowOff>161289</xdr:rowOff>
    </xdr:to>
    <xdr:sp macro="" textlink="">
      <xdr:nvSpPr>
        <xdr:cNvPr id="726" name="楕円 725">
          <a:extLst>
            <a:ext uri="{FF2B5EF4-FFF2-40B4-BE49-F238E27FC236}">
              <a16:creationId xmlns:a16="http://schemas.microsoft.com/office/drawing/2014/main" id="{EFEE7F71-E6D8-419E-A26A-64DCBE5F58B6}"/>
            </a:ext>
          </a:extLst>
        </xdr:cNvPr>
        <xdr:cNvSpPr/>
      </xdr:nvSpPr>
      <xdr:spPr>
        <a:xfrm>
          <a:off x="21272500" y="18404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05048</xdr:rowOff>
    </xdr:from>
    <xdr:to>
      <xdr:col>116</xdr:col>
      <xdr:colOff>63500</xdr:colOff>
      <xdr:row>107</xdr:row>
      <xdr:rowOff>110489</xdr:rowOff>
    </xdr:to>
    <xdr:cxnSp macro="">
      <xdr:nvCxnSpPr>
        <xdr:cNvPr id="727" name="直線コネクタ 726">
          <a:extLst>
            <a:ext uri="{FF2B5EF4-FFF2-40B4-BE49-F238E27FC236}">
              <a16:creationId xmlns:a16="http://schemas.microsoft.com/office/drawing/2014/main" id="{F22BC11C-F27D-46E1-98E4-D2498AD46C1C}"/>
            </a:ext>
          </a:extLst>
        </xdr:cNvPr>
        <xdr:cNvCxnSpPr/>
      </xdr:nvCxnSpPr>
      <xdr:spPr>
        <a:xfrm flipV="1">
          <a:off x="21323300" y="18450198"/>
          <a:ext cx="838200" cy="5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62956</xdr:rowOff>
    </xdr:from>
    <xdr:to>
      <xdr:col>107</xdr:col>
      <xdr:colOff>101600</xdr:colOff>
      <xdr:row>107</xdr:row>
      <xdr:rowOff>164556</xdr:rowOff>
    </xdr:to>
    <xdr:sp macro="" textlink="">
      <xdr:nvSpPr>
        <xdr:cNvPr id="728" name="楕円 727">
          <a:extLst>
            <a:ext uri="{FF2B5EF4-FFF2-40B4-BE49-F238E27FC236}">
              <a16:creationId xmlns:a16="http://schemas.microsoft.com/office/drawing/2014/main" id="{0E9F2630-EF92-4F12-8BA2-F9B87AA69CE2}"/>
            </a:ext>
          </a:extLst>
        </xdr:cNvPr>
        <xdr:cNvSpPr/>
      </xdr:nvSpPr>
      <xdr:spPr>
        <a:xfrm>
          <a:off x="20383500" y="18408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10489</xdr:rowOff>
    </xdr:from>
    <xdr:to>
      <xdr:col>111</xdr:col>
      <xdr:colOff>177800</xdr:colOff>
      <xdr:row>107</xdr:row>
      <xdr:rowOff>113756</xdr:rowOff>
    </xdr:to>
    <xdr:cxnSp macro="">
      <xdr:nvCxnSpPr>
        <xdr:cNvPr id="729" name="直線コネクタ 728">
          <a:extLst>
            <a:ext uri="{FF2B5EF4-FFF2-40B4-BE49-F238E27FC236}">
              <a16:creationId xmlns:a16="http://schemas.microsoft.com/office/drawing/2014/main" id="{92795762-8927-4FC2-B3AD-D40A74D59022}"/>
            </a:ext>
          </a:extLst>
        </xdr:cNvPr>
        <xdr:cNvCxnSpPr/>
      </xdr:nvCxnSpPr>
      <xdr:spPr>
        <a:xfrm flipV="1">
          <a:off x="20434300" y="18455639"/>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67311</xdr:rowOff>
    </xdr:from>
    <xdr:to>
      <xdr:col>102</xdr:col>
      <xdr:colOff>165100</xdr:colOff>
      <xdr:row>107</xdr:row>
      <xdr:rowOff>168911</xdr:rowOff>
    </xdr:to>
    <xdr:sp macro="" textlink="">
      <xdr:nvSpPr>
        <xdr:cNvPr id="730" name="楕円 729">
          <a:extLst>
            <a:ext uri="{FF2B5EF4-FFF2-40B4-BE49-F238E27FC236}">
              <a16:creationId xmlns:a16="http://schemas.microsoft.com/office/drawing/2014/main" id="{F60CE009-7356-4A65-9360-553B092BEB59}"/>
            </a:ext>
          </a:extLst>
        </xdr:cNvPr>
        <xdr:cNvSpPr/>
      </xdr:nvSpPr>
      <xdr:spPr>
        <a:xfrm>
          <a:off x="19494500" y="18412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13756</xdr:rowOff>
    </xdr:from>
    <xdr:to>
      <xdr:col>107</xdr:col>
      <xdr:colOff>50800</xdr:colOff>
      <xdr:row>107</xdr:row>
      <xdr:rowOff>118111</xdr:rowOff>
    </xdr:to>
    <xdr:cxnSp macro="">
      <xdr:nvCxnSpPr>
        <xdr:cNvPr id="731" name="直線コネクタ 730">
          <a:extLst>
            <a:ext uri="{FF2B5EF4-FFF2-40B4-BE49-F238E27FC236}">
              <a16:creationId xmlns:a16="http://schemas.microsoft.com/office/drawing/2014/main" id="{DB693831-1A0C-49BD-8FF1-11FB2AEE6A09}"/>
            </a:ext>
          </a:extLst>
        </xdr:cNvPr>
        <xdr:cNvCxnSpPr/>
      </xdr:nvCxnSpPr>
      <xdr:spPr>
        <a:xfrm flipV="1">
          <a:off x="19545300" y="18458906"/>
          <a:ext cx="889000" cy="4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76019</xdr:rowOff>
    </xdr:from>
    <xdr:to>
      <xdr:col>98</xdr:col>
      <xdr:colOff>38100</xdr:colOff>
      <xdr:row>108</xdr:row>
      <xdr:rowOff>6169</xdr:rowOff>
    </xdr:to>
    <xdr:sp macro="" textlink="">
      <xdr:nvSpPr>
        <xdr:cNvPr id="732" name="楕円 731">
          <a:extLst>
            <a:ext uri="{FF2B5EF4-FFF2-40B4-BE49-F238E27FC236}">
              <a16:creationId xmlns:a16="http://schemas.microsoft.com/office/drawing/2014/main" id="{8CBB71F5-585F-4510-994A-7C9443FC26A6}"/>
            </a:ext>
          </a:extLst>
        </xdr:cNvPr>
        <xdr:cNvSpPr/>
      </xdr:nvSpPr>
      <xdr:spPr>
        <a:xfrm>
          <a:off x="18605500" y="18421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18111</xdr:rowOff>
    </xdr:from>
    <xdr:to>
      <xdr:col>102</xdr:col>
      <xdr:colOff>114300</xdr:colOff>
      <xdr:row>107</xdr:row>
      <xdr:rowOff>126819</xdr:rowOff>
    </xdr:to>
    <xdr:cxnSp macro="">
      <xdr:nvCxnSpPr>
        <xdr:cNvPr id="733" name="直線コネクタ 732">
          <a:extLst>
            <a:ext uri="{FF2B5EF4-FFF2-40B4-BE49-F238E27FC236}">
              <a16:creationId xmlns:a16="http://schemas.microsoft.com/office/drawing/2014/main" id="{9D57BC08-7BDD-4BC8-A9C2-CCDFB5E6B1BD}"/>
            </a:ext>
          </a:extLst>
        </xdr:cNvPr>
        <xdr:cNvCxnSpPr/>
      </xdr:nvCxnSpPr>
      <xdr:spPr>
        <a:xfrm flipV="1">
          <a:off x="18656300" y="18463261"/>
          <a:ext cx="889000" cy="8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7456</xdr:rowOff>
    </xdr:from>
    <xdr:ext cx="469744" cy="259045"/>
    <xdr:sp macro="" textlink="">
      <xdr:nvSpPr>
        <xdr:cNvPr id="734" name="n_1aveValue【庁舎】&#10;一人当たり面積">
          <a:extLst>
            <a:ext uri="{FF2B5EF4-FFF2-40B4-BE49-F238E27FC236}">
              <a16:creationId xmlns:a16="http://schemas.microsoft.com/office/drawing/2014/main" id="{2A3E0484-5E35-4E8F-B776-ADE40C03FDAE}"/>
            </a:ext>
          </a:extLst>
        </xdr:cNvPr>
        <xdr:cNvSpPr txBox="1"/>
      </xdr:nvSpPr>
      <xdr:spPr>
        <a:xfrm>
          <a:off x="21075727" y="17838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57529</xdr:rowOff>
    </xdr:from>
    <xdr:ext cx="469744" cy="259045"/>
    <xdr:sp macro="" textlink="">
      <xdr:nvSpPr>
        <xdr:cNvPr id="735" name="n_2aveValue【庁舎】&#10;一人当たり面積">
          <a:extLst>
            <a:ext uri="{FF2B5EF4-FFF2-40B4-BE49-F238E27FC236}">
              <a16:creationId xmlns:a16="http://schemas.microsoft.com/office/drawing/2014/main" id="{5D5E88B8-7622-4FDF-8EAC-73DE4C690D2D}"/>
            </a:ext>
          </a:extLst>
        </xdr:cNvPr>
        <xdr:cNvSpPr txBox="1"/>
      </xdr:nvSpPr>
      <xdr:spPr>
        <a:xfrm>
          <a:off x="20199427" y="17888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45556</xdr:rowOff>
    </xdr:from>
    <xdr:ext cx="469744" cy="259045"/>
    <xdr:sp macro="" textlink="">
      <xdr:nvSpPr>
        <xdr:cNvPr id="736" name="n_3aveValue【庁舎】&#10;一人当たり面積">
          <a:extLst>
            <a:ext uri="{FF2B5EF4-FFF2-40B4-BE49-F238E27FC236}">
              <a16:creationId xmlns:a16="http://schemas.microsoft.com/office/drawing/2014/main" id="{F50F1849-4525-44A1-A6F5-18A97FF51AEC}"/>
            </a:ext>
          </a:extLst>
        </xdr:cNvPr>
        <xdr:cNvSpPr txBox="1"/>
      </xdr:nvSpPr>
      <xdr:spPr>
        <a:xfrm>
          <a:off x="19310427" y="17876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59163</xdr:rowOff>
    </xdr:from>
    <xdr:ext cx="469744" cy="259045"/>
    <xdr:sp macro="" textlink="">
      <xdr:nvSpPr>
        <xdr:cNvPr id="737" name="n_4aveValue【庁舎】&#10;一人当たり面積">
          <a:extLst>
            <a:ext uri="{FF2B5EF4-FFF2-40B4-BE49-F238E27FC236}">
              <a16:creationId xmlns:a16="http://schemas.microsoft.com/office/drawing/2014/main" id="{A76AD90E-22CC-45C0-B35C-B57DB6C87A27}"/>
            </a:ext>
          </a:extLst>
        </xdr:cNvPr>
        <xdr:cNvSpPr txBox="1"/>
      </xdr:nvSpPr>
      <xdr:spPr>
        <a:xfrm>
          <a:off x="18421427" y="17718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52416</xdr:rowOff>
    </xdr:from>
    <xdr:ext cx="469744" cy="259045"/>
    <xdr:sp macro="" textlink="">
      <xdr:nvSpPr>
        <xdr:cNvPr id="738" name="n_1mainValue【庁舎】&#10;一人当たり面積">
          <a:extLst>
            <a:ext uri="{FF2B5EF4-FFF2-40B4-BE49-F238E27FC236}">
              <a16:creationId xmlns:a16="http://schemas.microsoft.com/office/drawing/2014/main" id="{3B433FD7-A933-47B8-A3B1-84E10E219725}"/>
            </a:ext>
          </a:extLst>
        </xdr:cNvPr>
        <xdr:cNvSpPr txBox="1"/>
      </xdr:nvSpPr>
      <xdr:spPr>
        <a:xfrm>
          <a:off x="21075727"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55683</xdr:rowOff>
    </xdr:from>
    <xdr:ext cx="469744" cy="259045"/>
    <xdr:sp macro="" textlink="">
      <xdr:nvSpPr>
        <xdr:cNvPr id="739" name="n_2mainValue【庁舎】&#10;一人当たり面積">
          <a:extLst>
            <a:ext uri="{FF2B5EF4-FFF2-40B4-BE49-F238E27FC236}">
              <a16:creationId xmlns:a16="http://schemas.microsoft.com/office/drawing/2014/main" id="{585A8BCC-62AB-4BBD-AC75-0A527D15B484}"/>
            </a:ext>
          </a:extLst>
        </xdr:cNvPr>
        <xdr:cNvSpPr txBox="1"/>
      </xdr:nvSpPr>
      <xdr:spPr>
        <a:xfrm>
          <a:off x="20199427" y="18500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60038</xdr:rowOff>
    </xdr:from>
    <xdr:ext cx="469744" cy="259045"/>
    <xdr:sp macro="" textlink="">
      <xdr:nvSpPr>
        <xdr:cNvPr id="740" name="n_3mainValue【庁舎】&#10;一人当たり面積">
          <a:extLst>
            <a:ext uri="{FF2B5EF4-FFF2-40B4-BE49-F238E27FC236}">
              <a16:creationId xmlns:a16="http://schemas.microsoft.com/office/drawing/2014/main" id="{3D9F9501-DB7C-4CAA-8012-C90807BB62BC}"/>
            </a:ext>
          </a:extLst>
        </xdr:cNvPr>
        <xdr:cNvSpPr txBox="1"/>
      </xdr:nvSpPr>
      <xdr:spPr>
        <a:xfrm>
          <a:off x="19310427" y="18505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68746</xdr:rowOff>
    </xdr:from>
    <xdr:ext cx="469744" cy="259045"/>
    <xdr:sp macro="" textlink="">
      <xdr:nvSpPr>
        <xdr:cNvPr id="741" name="n_4mainValue【庁舎】&#10;一人当たり面積">
          <a:extLst>
            <a:ext uri="{FF2B5EF4-FFF2-40B4-BE49-F238E27FC236}">
              <a16:creationId xmlns:a16="http://schemas.microsoft.com/office/drawing/2014/main" id="{9BDBCCF1-C6E4-4914-A70F-6403BC8B7E4F}"/>
            </a:ext>
          </a:extLst>
        </xdr:cNvPr>
        <xdr:cNvSpPr txBox="1"/>
      </xdr:nvSpPr>
      <xdr:spPr>
        <a:xfrm>
          <a:off x="18421427" y="18513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42" name="正方形/長方形 741">
          <a:extLst>
            <a:ext uri="{FF2B5EF4-FFF2-40B4-BE49-F238E27FC236}">
              <a16:creationId xmlns:a16="http://schemas.microsoft.com/office/drawing/2014/main" id="{C39EE1C4-C647-42E1-86C8-9D651D87D45C}"/>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43" name="正方形/長方形 742">
          <a:extLst>
            <a:ext uri="{FF2B5EF4-FFF2-40B4-BE49-F238E27FC236}">
              <a16:creationId xmlns:a16="http://schemas.microsoft.com/office/drawing/2014/main" id="{2923E086-35CA-480E-B0E5-C9466331E5DA}"/>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44" name="テキスト ボックス 743">
          <a:extLst>
            <a:ext uri="{FF2B5EF4-FFF2-40B4-BE49-F238E27FC236}">
              <a16:creationId xmlns:a16="http://schemas.microsoft.com/office/drawing/2014/main" id="{2A0A9833-9013-4A91-8ECE-AD371A95749B}"/>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図書館、体育館については、比較的、近年に建設された施設であることから、有形固定資産減価償却率は低くなっているが、徐々に増加してき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福祉施設、庁舎、消防施設については、老朽化が進んでいることから、有形固定資産減価償却率が高い水準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公共施設等総合管理計画」及び「個別施設計画」が策定されていることに伴い、今後の施設の更新、統廃合等も含め検討していく。</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84
6,916
7.05
4,416,745
4,073,683
339,840
2,501,157
3,464,2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10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4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財政力指数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0.49</a:t>
          </a:r>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0.48</a:t>
          </a:r>
          <a:r>
            <a:rPr kumimoji="1" lang="ja-JP" altLang="en-US" sz="1300">
              <a:latin typeface="ＭＳ Ｐゴシック" panose="020B0600070205080204" pitchFamily="50" charset="-128"/>
              <a:ea typeface="ＭＳ Ｐゴシック" panose="020B0600070205080204" pitchFamily="50" charset="-128"/>
            </a:rPr>
            <a:t>、令和元年度</a:t>
          </a:r>
          <a:r>
            <a:rPr kumimoji="1" lang="en-US" altLang="ja-JP" sz="1300">
              <a:latin typeface="ＭＳ Ｐゴシック" panose="020B0600070205080204" pitchFamily="50" charset="-128"/>
              <a:ea typeface="ＭＳ Ｐゴシック" panose="020B0600070205080204" pitchFamily="50" charset="-128"/>
            </a:rPr>
            <a:t>0.47</a:t>
          </a:r>
          <a:r>
            <a:rPr kumimoji="1" lang="ja-JP" altLang="en-US" sz="1300">
              <a:latin typeface="ＭＳ Ｐゴシック" panose="020B0600070205080204" pitchFamily="50" charset="-128"/>
              <a:ea typeface="ＭＳ Ｐゴシック" panose="020B0600070205080204" pitchFamily="50" charset="-128"/>
            </a:rPr>
            <a:t>、令和２年度は</a:t>
          </a:r>
          <a:r>
            <a:rPr kumimoji="1" lang="en-US" altLang="ja-JP" sz="1300">
              <a:latin typeface="ＭＳ Ｐゴシック" panose="020B0600070205080204" pitchFamily="50" charset="-128"/>
              <a:ea typeface="ＭＳ Ｐゴシック" panose="020B0600070205080204" pitchFamily="50" charset="-128"/>
            </a:rPr>
            <a:t>0.45</a:t>
          </a:r>
          <a:r>
            <a:rPr kumimoji="1" lang="ja-JP" altLang="en-US" sz="1300">
              <a:latin typeface="ＭＳ Ｐゴシック" panose="020B0600070205080204" pitchFamily="50" charset="-128"/>
              <a:ea typeface="ＭＳ Ｐゴシック" panose="020B0600070205080204" pitchFamily="50" charset="-128"/>
            </a:rPr>
            <a:t>、令和３年度は</a:t>
          </a:r>
          <a:r>
            <a:rPr kumimoji="1" lang="en-US" altLang="ja-JP" sz="1300">
              <a:latin typeface="ＭＳ Ｐゴシック" panose="020B0600070205080204" pitchFamily="50" charset="-128"/>
              <a:ea typeface="ＭＳ Ｐゴシック" panose="020B0600070205080204" pitchFamily="50" charset="-128"/>
            </a:rPr>
            <a:t>0.43</a:t>
          </a:r>
          <a:r>
            <a:rPr kumimoji="1" lang="ja-JP" altLang="en-US" sz="1300">
              <a:latin typeface="ＭＳ Ｐゴシック" panose="020B0600070205080204" pitchFamily="50" charset="-128"/>
              <a:ea typeface="ＭＳ Ｐゴシック" panose="020B0600070205080204" pitchFamily="50" charset="-128"/>
            </a:rPr>
            <a:t>と減少傾向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令和３年度の類似団体平均より</a:t>
          </a:r>
          <a:r>
            <a:rPr kumimoji="1" lang="en-US" altLang="ja-JP" sz="1300">
              <a:latin typeface="ＭＳ Ｐゴシック" panose="020B0600070205080204" pitchFamily="50" charset="-128"/>
              <a:ea typeface="ＭＳ Ｐゴシック" panose="020B0600070205080204" pitchFamily="50" charset="-128"/>
            </a:rPr>
            <a:t>0.05</a:t>
          </a:r>
          <a:r>
            <a:rPr kumimoji="1" lang="ja-JP" altLang="en-US" sz="1300">
              <a:latin typeface="ＭＳ Ｐゴシック" panose="020B0600070205080204" pitchFamily="50" charset="-128"/>
              <a:ea typeface="ＭＳ Ｐゴシック" panose="020B0600070205080204" pitchFamily="50" charset="-128"/>
            </a:rPr>
            <a:t>ポイント上回っており、ここ数年は常に上回っている。しかし毎年低下している要因は人口の減少や高齢化に伴う地方税の減少が大きい。生産年齢人口を増加させるため、また減少させないための移住定住事業の促進や地方税の徴収強化の推進により財源確保し、また定員管理・給与の適正化、事務の見直し等による歳出削減を図り財政の健全化に努めて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1448</xdr:rowOff>
    </xdr:from>
    <xdr:to>
      <xdr:col>23</xdr:col>
      <xdr:colOff>133350</xdr:colOff>
      <xdr:row>44</xdr:row>
      <xdr:rowOff>119138</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203648"/>
          <a:ext cx="0" cy="14592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1215</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635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9138</xdr:rowOff>
    </xdr:from>
    <xdr:to>
      <xdr:col>24</xdr:col>
      <xdr:colOff>12700</xdr:colOff>
      <xdr:row>44</xdr:row>
      <xdr:rowOff>119138</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662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17825</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1448</xdr:rowOff>
    </xdr:from>
    <xdr:to>
      <xdr:col>24</xdr:col>
      <xdr:colOff>12700</xdr:colOff>
      <xdr:row>36</xdr:row>
      <xdr:rowOff>31448</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128815</xdr:rowOff>
    </xdr:from>
    <xdr:to>
      <xdr:col>23</xdr:col>
      <xdr:colOff>133350</xdr:colOff>
      <xdr:row>42</xdr:row>
      <xdr:rowOff>151795</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7329715"/>
          <a:ext cx="8382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0525</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73314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58448</xdr:rowOff>
    </xdr:from>
    <xdr:to>
      <xdr:col>23</xdr:col>
      <xdr:colOff>184150</xdr:colOff>
      <xdr:row>43</xdr:row>
      <xdr:rowOff>88598</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359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105833</xdr:rowOff>
    </xdr:from>
    <xdr:to>
      <xdr:col>19</xdr:col>
      <xdr:colOff>133350</xdr:colOff>
      <xdr:row>42</xdr:row>
      <xdr:rowOff>128815</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7306733"/>
          <a:ext cx="889000" cy="2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23976</xdr:rowOff>
    </xdr:from>
    <xdr:to>
      <xdr:col>19</xdr:col>
      <xdr:colOff>184150</xdr:colOff>
      <xdr:row>43</xdr:row>
      <xdr:rowOff>54126</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7324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38903</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74112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94343</xdr:rowOff>
    </xdr:from>
    <xdr:to>
      <xdr:col>15</xdr:col>
      <xdr:colOff>82550</xdr:colOff>
      <xdr:row>42</xdr:row>
      <xdr:rowOff>105833</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336800" y="7295243"/>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23976</xdr:rowOff>
    </xdr:from>
    <xdr:to>
      <xdr:col>15</xdr:col>
      <xdr:colOff>133350</xdr:colOff>
      <xdr:row>43</xdr:row>
      <xdr:rowOff>54126</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7324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38903</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7411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82852</xdr:rowOff>
    </xdr:from>
    <xdr:to>
      <xdr:col>11</xdr:col>
      <xdr:colOff>31750</xdr:colOff>
      <xdr:row>42</xdr:row>
      <xdr:rowOff>94343</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447800" y="7283752"/>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46957</xdr:rowOff>
    </xdr:from>
    <xdr:to>
      <xdr:col>11</xdr:col>
      <xdr:colOff>82550</xdr:colOff>
      <xdr:row>43</xdr:row>
      <xdr:rowOff>77107</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7347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61884</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743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69938</xdr:rowOff>
    </xdr:from>
    <xdr:to>
      <xdr:col>7</xdr:col>
      <xdr:colOff>31750</xdr:colOff>
      <xdr:row>43</xdr:row>
      <xdr:rowOff>100088</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737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84865</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7457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00995</xdr:rowOff>
    </xdr:from>
    <xdr:to>
      <xdr:col>23</xdr:col>
      <xdr:colOff>184150</xdr:colOff>
      <xdr:row>43</xdr:row>
      <xdr:rowOff>31145</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7301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117522</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7146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2</xdr:row>
      <xdr:rowOff>78015</xdr:rowOff>
    </xdr:from>
    <xdr:to>
      <xdr:col>19</xdr:col>
      <xdr:colOff>184150</xdr:colOff>
      <xdr:row>43</xdr:row>
      <xdr:rowOff>8165</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7278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8342</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7047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2</xdr:row>
      <xdr:rowOff>55033</xdr:rowOff>
    </xdr:from>
    <xdr:to>
      <xdr:col>15</xdr:col>
      <xdr:colOff>133350</xdr:colOff>
      <xdr:row>42</xdr:row>
      <xdr:rowOff>156633</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725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6810</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70248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2</xdr:row>
      <xdr:rowOff>43543</xdr:rowOff>
    </xdr:from>
    <xdr:to>
      <xdr:col>11</xdr:col>
      <xdr:colOff>82550</xdr:colOff>
      <xdr:row>42</xdr:row>
      <xdr:rowOff>145143</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724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55320</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7013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32052</xdr:rowOff>
    </xdr:from>
    <xdr:to>
      <xdr:col>7</xdr:col>
      <xdr:colOff>31750</xdr:colOff>
      <xdr:row>42</xdr:row>
      <xdr:rowOff>133652</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723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43829</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7001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は</a:t>
          </a:r>
          <a:r>
            <a:rPr kumimoji="1" lang="en-US" altLang="ja-JP" sz="1300">
              <a:latin typeface="ＭＳ Ｐゴシック" panose="020B0600070205080204" pitchFamily="50" charset="-128"/>
              <a:ea typeface="ＭＳ Ｐゴシック" panose="020B0600070205080204" pitchFamily="50" charset="-128"/>
            </a:rPr>
            <a:t>90.9</a:t>
          </a:r>
          <a:r>
            <a:rPr kumimoji="1" lang="ja-JP" altLang="en-US" sz="1300">
              <a:latin typeface="ＭＳ Ｐゴシック" panose="020B0600070205080204" pitchFamily="50" charset="-128"/>
              <a:ea typeface="ＭＳ Ｐゴシック" panose="020B0600070205080204" pitchFamily="50" charset="-128"/>
            </a:rPr>
            <a:t>％であったが、令和３年度には</a:t>
          </a:r>
          <a:r>
            <a:rPr kumimoji="1" lang="en-US" altLang="ja-JP" sz="1300">
              <a:latin typeface="ＭＳ Ｐゴシック" panose="020B0600070205080204" pitchFamily="50" charset="-128"/>
              <a:ea typeface="ＭＳ Ｐゴシック" panose="020B0600070205080204" pitchFamily="50" charset="-128"/>
            </a:rPr>
            <a:t>88.4</a:t>
          </a:r>
          <a:r>
            <a:rPr kumimoji="1" lang="ja-JP" altLang="en-US" sz="1300">
              <a:latin typeface="ＭＳ Ｐゴシック" panose="020B0600070205080204" pitchFamily="50" charset="-128"/>
              <a:ea typeface="ＭＳ Ｐゴシック" panose="020B0600070205080204" pitchFamily="50" charset="-128"/>
            </a:rPr>
            <a:t>％と減少している。要因としては交付税の増加によるところが大きく、公債費は増加しているが、それを上回っており、経常収支比率は類似団体比率を上回っているものの前年度に比較し、その差は縮ま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公債費では湯河原町真鶴町衛生組合が実施する新たな大規模改修事業等が見込まれることから、人件費の抑制、補助費においては今後、単独で行う補助交付金の見直しや削減を検討していくことが必要にな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1826</xdr:rowOff>
    </xdr:from>
    <xdr:to>
      <xdr:col>23</xdr:col>
      <xdr:colOff>133350</xdr:colOff>
      <xdr:row>65</xdr:row>
      <xdr:rowOff>65786</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953000" y="10075926"/>
          <a:ext cx="0" cy="11341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37863</xdr:rowOff>
    </xdr:from>
    <xdr:ext cx="762000" cy="25904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5041900" y="11182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65786</xdr:rowOff>
    </xdr:from>
    <xdr:to>
      <xdr:col>24</xdr:col>
      <xdr:colOff>12700</xdr:colOff>
      <xdr:row>65</xdr:row>
      <xdr:rowOff>65786</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864100" y="112100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46753</xdr:rowOff>
    </xdr:from>
    <xdr:ext cx="762000" cy="259045"/>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5041900" y="98194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1826</xdr:rowOff>
    </xdr:from>
    <xdr:to>
      <xdr:col>24</xdr:col>
      <xdr:colOff>12700</xdr:colOff>
      <xdr:row>58</xdr:row>
      <xdr:rowOff>131826</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864100" y="10075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57734</xdr:rowOff>
    </xdr:from>
    <xdr:to>
      <xdr:col>23</xdr:col>
      <xdr:colOff>133350</xdr:colOff>
      <xdr:row>67</xdr:row>
      <xdr:rowOff>7620</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flipV="1">
          <a:off x="4114800" y="10959084"/>
          <a:ext cx="838200" cy="535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63263</xdr:rowOff>
    </xdr:from>
    <xdr:ext cx="762000" cy="259045"/>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5041900" y="105217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46736</xdr:rowOff>
    </xdr:from>
    <xdr:to>
      <xdr:col>23</xdr:col>
      <xdr:colOff>184150</xdr:colOff>
      <xdr:row>62</xdr:row>
      <xdr:rowOff>148336</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9022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04394</xdr:rowOff>
    </xdr:from>
    <xdr:to>
      <xdr:col>19</xdr:col>
      <xdr:colOff>133350</xdr:colOff>
      <xdr:row>67</xdr:row>
      <xdr:rowOff>7620</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3225800" y="11248644"/>
          <a:ext cx="889000" cy="24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22352</xdr:rowOff>
    </xdr:from>
    <xdr:to>
      <xdr:col>19</xdr:col>
      <xdr:colOff>184150</xdr:colOff>
      <xdr:row>64</xdr:row>
      <xdr:rowOff>123952</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064000" y="10995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34129</xdr:rowOff>
    </xdr:from>
    <xdr:ext cx="7366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733800" y="107640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04394</xdr:rowOff>
    </xdr:from>
    <xdr:to>
      <xdr:col>15</xdr:col>
      <xdr:colOff>82550</xdr:colOff>
      <xdr:row>65</xdr:row>
      <xdr:rowOff>147828</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2336800" y="11248644"/>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70612</xdr:rowOff>
    </xdr:from>
    <xdr:to>
      <xdr:col>15</xdr:col>
      <xdr:colOff>133350</xdr:colOff>
      <xdr:row>65</xdr:row>
      <xdr:rowOff>762</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3175000" y="11043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0939</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844800" y="10812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106934</xdr:rowOff>
    </xdr:from>
    <xdr:to>
      <xdr:col>11</xdr:col>
      <xdr:colOff>31750</xdr:colOff>
      <xdr:row>65</xdr:row>
      <xdr:rowOff>147828</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a:off x="1447800" y="11079734"/>
          <a:ext cx="889000" cy="212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51308</xdr:rowOff>
    </xdr:from>
    <xdr:to>
      <xdr:col>11</xdr:col>
      <xdr:colOff>82550</xdr:colOff>
      <xdr:row>64</xdr:row>
      <xdr:rowOff>152908</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286000" y="11024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63085</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955800" y="10792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7526</xdr:rowOff>
    </xdr:from>
    <xdr:to>
      <xdr:col>7</xdr:col>
      <xdr:colOff>31750</xdr:colOff>
      <xdr:row>64</xdr:row>
      <xdr:rowOff>119126</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397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29303</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066800" y="10759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06934</xdr:rowOff>
    </xdr:from>
    <xdr:to>
      <xdr:col>23</xdr:col>
      <xdr:colOff>184150</xdr:colOff>
      <xdr:row>64</xdr:row>
      <xdr:rowOff>37084</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902200" y="10908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79011</xdr:rowOff>
    </xdr:from>
    <xdr:ext cx="762000" cy="259045"/>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5041900" y="10880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128270</xdr:rowOff>
    </xdr:from>
    <xdr:to>
      <xdr:col>19</xdr:col>
      <xdr:colOff>184150</xdr:colOff>
      <xdr:row>67</xdr:row>
      <xdr:rowOff>58420</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064000" y="1144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43197</xdr:rowOff>
    </xdr:from>
    <xdr:ext cx="7366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733800" y="115303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53594</xdr:rowOff>
    </xdr:from>
    <xdr:to>
      <xdr:col>15</xdr:col>
      <xdr:colOff>133350</xdr:colOff>
      <xdr:row>65</xdr:row>
      <xdr:rowOff>155194</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3175000" y="11197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39971</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844800" y="11284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97028</xdr:rowOff>
    </xdr:from>
    <xdr:to>
      <xdr:col>11</xdr:col>
      <xdr:colOff>82550</xdr:colOff>
      <xdr:row>66</xdr:row>
      <xdr:rowOff>27178</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286000" y="11241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1955</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955800" y="113276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6134</xdr:rowOff>
    </xdr:from>
    <xdr:to>
      <xdr:col>7</xdr:col>
      <xdr:colOff>31750</xdr:colOff>
      <xdr:row>64</xdr:row>
      <xdr:rowOff>157734</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397000" y="11028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42511</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066800" y="11115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85,12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を</a:t>
          </a:r>
          <a:r>
            <a:rPr kumimoji="1" lang="en-US" altLang="ja-JP" sz="1300">
              <a:latin typeface="ＭＳ Ｐゴシック" panose="020B0600070205080204" pitchFamily="50" charset="-128"/>
              <a:ea typeface="ＭＳ Ｐゴシック" panose="020B0600070205080204" pitchFamily="50" charset="-128"/>
            </a:rPr>
            <a:t>89,649</a:t>
          </a:r>
          <a:r>
            <a:rPr kumimoji="1" lang="ja-JP" altLang="en-US" sz="1300">
              <a:latin typeface="ＭＳ Ｐゴシック" panose="020B0600070205080204" pitchFamily="50" charset="-128"/>
              <a:ea typeface="ＭＳ Ｐゴシック" panose="020B0600070205080204" pitchFamily="50" charset="-128"/>
            </a:rPr>
            <a:t>円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現状、人件費では、ごみ処理業務を一部事務組合、消防事務を湯河原町に委託していること、地域手当を廃止していることが主な要因と思わ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物件費では、新規事業の抑制や、事業内容の見直し、需用費、役務費等による歳出の抑制に努めている。</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a:extLst>
            <a:ext uri="{FF2B5EF4-FFF2-40B4-BE49-F238E27FC236}">
              <a16:creationId xmlns:a16="http://schemas.microsoft.com/office/drawing/2014/main" id="{00000000-0008-0000-0300-0000BC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6018</xdr:rowOff>
    </xdr:from>
    <xdr:to>
      <xdr:col>23</xdr:col>
      <xdr:colOff>133350</xdr:colOff>
      <xdr:row>88</xdr:row>
      <xdr:rowOff>128623</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flipV="1">
          <a:off x="4953000" y="13710568"/>
          <a:ext cx="0" cy="15056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0700</xdr:rowOff>
    </xdr:from>
    <xdr:ext cx="762000" cy="259045"/>
    <xdr:sp macro="" textlink="">
      <xdr:nvSpPr>
        <xdr:cNvPr id="190" name="人件費・物件費等の状況最小値テキスト">
          <a:extLst>
            <a:ext uri="{FF2B5EF4-FFF2-40B4-BE49-F238E27FC236}">
              <a16:creationId xmlns:a16="http://schemas.microsoft.com/office/drawing/2014/main" id="{00000000-0008-0000-0300-0000BE000000}"/>
            </a:ext>
          </a:extLst>
        </xdr:cNvPr>
        <xdr:cNvSpPr txBox="1"/>
      </xdr:nvSpPr>
      <xdr:spPr>
        <a:xfrm>
          <a:off x="5041900" y="15188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3,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28623</xdr:rowOff>
    </xdr:from>
    <xdr:to>
      <xdr:col>24</xdr:col>
      <xdr:colOff>12700</xdr:colOff>
      <xdr:row>88</xdr:row>
      <xdr:rowOff>128623</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864100" y="152162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80945</xdr:rowOff>
    </xdr:from>
    <xdr:ext cx="762000" cy="259045"/>
    <xdr:sp macro="" textlink="">
      <xdr:nvSpPr>
        <xdr:cNvPr id="192" name="人件費・物件費等の状況最大値テキスト">
          <a:extLst>
            <a:ext uri="{FF2B5EF4-FFF2-40B4-BE49-F238E27FC236}">
              <a16:creationId xmlns:a16="http://schemas.microsoft.com/office/drawing/2014/main" id="{00000000-0008-0000-0300-0000C0000000}"/>
            </a:ext>
          </a:extLst>
        </xdr:cNvPr>
        <xdr:cNvSpPr txBox="1"/>
      </xdr:nvSpPr>
      <xdr:spPr>
        <a:xfrm>
          <a:off x="5041900" y="13454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6018</xdr:rowOff>
    </xdr:from>
    <xdr:to>
      <xdr:col>24</xdr:col>
      <xdr:colOff>12700</xdr:colOff>
      <xdr:row>79</xdr:row>
      <xdr:rowOff>166018</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864100" y="13710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39129</xdr:rowOff>
    </xdr:from>
    <xdr:to>
      <xdr:col>23</xdr:col>
      <xdr:colOff>133350</xdr:colOff>
      <xdr:row>80</xdr:row>
      <xdr:rowOff>54747</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114800" y="13755129"/>
          <a:ext cx="838200" cy="15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56294</xdr:rowOff>
    </xdr:from>
    <xdr:ext cx="762000" cy="259045"/>
    <xdr:sp macro="" textlink="">
      <xdr:nvSpPr>
        <xdr:cNvPr id="195" name="人件費・物件費等の状況平均値テキスト">
          <a:extLst>
            <a:ext uri="{FF2B5EF4-FFF2-40B4-BE49-F238E27FC236}">
              <a16:creationId xmlns:a16="http://schemas.microsoft.com/office/drawing/2014/main" id="{00000000-0008-0000-0300-0000C3000000}"/>
            </a:ext>
          </a:extLst>
        </xdr:cNvPr>
        <xdr:cNvSpPr txBox="1"/>
      </xdr:nvSpPr>
      <xdr:spPr>
        <a:xfrm>
          <a:off x="5041900" y="138722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4,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2767</xdr:rowOff>
    </xdr:from>
    <xdr:to>
      <xdr:col>23</xdr:col>
      <xdr:colOff>184150</xdr:colOff>
      <xdr:row>81</xdr:row>
      <xdr:rowOff>114367</xdr:rowOff>
    </xdr:to>
    <xdr:sp macro="" textlink="">
      <xdr:nvSpPr>
        <xdr:cNvPr id="196" name="フローチャート: 判断 195">
          <a:extLst>
            <a:ext uri="{FF2B5EF4-FFF2-40B4-BE49-F238E27FC236}">
              <a16:creationId xmlns:a16="http://schemas.microsoft.com/office/drawing/2014/main" id="{00000000-0008-0000-0300-0000C4000000}"/>
            </a:ext>
          </a:extLst>
        </xdr:cNvPr>
        <xdr:cNvSpPr/>
      </xdr:nvSpPr>
      <xdr:spPr>
        <a:xfrm>
          <a:off x="4902200" y="13900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33179</xdr:rowOff>
    </xdr:from>
    <xdr:to>
      <xdr:col>19</xdr:col>
      <xdr:colOff>133350</xdr:colOff>
      <xdr:row>80</xdr:row>
      <xdr:rowOff>39129</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3225800" y="13749179"/>
          <a:ext cx="889000" cy="5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163063</xdr:rowOff>
    </xdr:from>
    <xdr:to>
      <xdr:col>19</xdr:col>
      <xdr:colOff>184150</xdr:colOff>
      <xdr:row>81</xdr:row>
      <xdr:rowOff>93213</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4064000" y="13879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77990</xdr:rowOff>
    </xdr:from>
    <xdr:ext cx="7366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3733800" y="139654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4334</xdr:rowOff>
    </xdr:from>
    <xdr:to>
      <xdr:col>15</xdr:col>
      <xdr:colOff>82550</xdr:colOff>
      <xdr:row>80</xdr:row>
      <xdr:rowOff>33179</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2336800" y="13730334"/>
          <a:ext cx="889000" cy="18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128608</xdr:rowOff>
    </xdr:from>
    <xdr:to>
      <xdr:col>15</xdr:col>
      <xdr:colOff>133350</xdr:colOff>
      <xdr:row>81</xdr:row>
      <xdr:rowOff>58758</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3175000" y="13844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43535</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2844800" y="13930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79</xdr:row>
      <xdr:rowOff>157863</xdr:rowOff>
    </xdr:from>
    <xdr:to>
      <xdr:col>11</xdr:col>
      <xdr:colOff>31750</xdr:colOff>
      <xdr:row>80</xdr:row>
      <xdr:rowOff>14334</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1447800" y="13702413"/>
          <a:ext cx="889000" cy="27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13649</xdr:rowOff>
    </xdr:from>
    <xdr:to>
      <xdr:col>11</xdr:col>
      <xdr:colOff>82550</xdr:colOff>
      <xdr:row>81</xdr:row>
      <xdr:rowOff>43799</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2286000" y="1382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28576</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1955800" y="139160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14312</xdr:rowOff>
    </xdr:from>
    <xdr:to>
      <xdr:col>7</xdr:col>
      <xdr:colOff>31750</xdr:colOff>
      <xdr:row>81</xdr:row>
      <xdr:rowOff>44462</xdr:rowOff>
    </xdr:to>
    <xdr:sp macro="" textlink="">
      <xdr:nvSpPr>
        <xdr:cNvPr id="206" name="フローチャート: 判断 205">
          <a:extLst>
            <a:ext uri="{FF2B5EF4-FFF2-40B4-BE49-F238E27FC236}">
              <a16:creationId xmlns:a16="http://schemas.microsoft.com/office/drawing/2014/main" id="{00000000-0008-0000-0300-0000CE000000}"/>
            </a:ext>
          </a:extLst>
        </xdr:cNvPr>
        <xdr:cNvSpPr/>
      </xdr:nvSpPr>
      <xdr:spPr>
        <a:xfrm>
          <a:off x="1397000" y="13830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29239</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066800" y="13916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3947</xdr:rowOff>
    </xdr:from>
    <xdr:to>
      <xdr:col>23</xdr:col>
      <xdr:colOff>184150</xdr:colOff>
      <xdr:row>80</xdr:row>
      <xdr:rowOff>105547</xdr:rowOff>
    </xdr:to>
    <xdr:sp macro="" textlink="">
      <xdr:nvSpPr>
        <xdr:cNvPr id="213" name="楕円 212">
          <a:extLst>
            <a:ext uri="{FF2B5EF4-FFF2-40B4-BE49-F238E27FC236}">
              <a16:creationId xmlns:a16="http://schemas.microsoft.com/office/drawing/2014/main" id="{00000000-0008-0000-0300-0000D5000000}"/>
            </a:ext>
          </a:extLst>
        </xdr:cNvPr>
        <xdr:cNvSpPr/>
      </xdr:nvSpPr>
      <xdr:spPr>
        <a:xfrm>
          <a:off x="4902200" y="13719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96674</xdr:rowOff>
    </xdr:from>
    <xdr:ext cx="762000" cy="259045"/>
    <xdr:sp macro="" textlink="">
      <xdr:nvSpPr>
        <xdr:cNvPr id="214" name="人件費・物件費等の状況該当値テキスト">
          <a:extLst>
            <a:ext uri="{FF2B5EF4-FFF2-40B4-BE49-F238E27FC236}">
              <a16:creationId xmlns:a16="http://schemas.microsoft.com/office/drawing/2014/main" id="{00000000-0008-0000-0300-0000D6000000}"/>
            </a:ext>
          </a:extLst>
        </xdr:cNvPr>
        <xdr:cNvSpPr txBox="1"/>
      </xdr:nvSpPr>
      <xdr:spPr>
        <a:xfrm>
          <a:off x="5041900" y="136412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79</xdr:row>
      <xdr:rowOff>159779</xdr:rowOff>
    </xdr:from>
    <xdr:to>
      <xdr:col>19</xdr:col>
      <xdr:colOff>184150</xdr:colOff>
      <xdr:row>80</xdr:row>
      <xdr:rowOff>89929</xdr:rowOff>
    </xdr:to>
    <xdr:sp macro="" textlink="">
      <xdr:nvSpPr>
        <xdr:cNvPr id="215" name="楕円 214">
          <a:extLst>
            <a:ext uri="{FF2B5EF4-FFF2-40B4-BE49-F238E27FC236}">
              <a16:creationId xmlns:a16="http://schemas.microsoft.com/office/drawing/2014/main" id="{00000000-0008-0000-0300-0000D7000000}"/>
            </a:ext>
          </a:extLst>
        </xdr:cNvPr>
        <xdr:cNvSpPr/>
      </xdr:nvSpPr>
      <xdr:spPr>
        <a:xfrm>
          <a:off x="4064000" y="13704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100106</xdr:rowOff>
    </xdr:from>
    <xdr:ext cx="7366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3733800" y="134732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79</xdr:row>
      <xdr:rowOff>153829</xdr:rowOff>
    </xdr:from>
    <xdr:to>
      <xdr:col>15</xdr:col>
      <xdr:colOff>133350</xdr:colOff>
      <xdr:row>80</xdr:row>
      <xdr:rowOff>83979</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3175000" y="13698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94156</xdr:rowOff>
    </xdr:from>
    <xdr:ext cx="762000" cy="259045"/>
    <xdr:sp macro="" textlink="">
      <xdr:nvSpPr>
        <xdr:cNvPr id="218" name="テキスト ボックス 217">
          <a:extLst>
            <a:ext uri="{FF2B5EF4-FFF2-40B4-BE49-F238E27FC236}">
              <a16:creationId xmlns:a16="http://schemas.microsoft.com/office/drawing/2014/main" id="{00000000-0008-0000-0300-0000DA000000}"/>
            </a:ext>
          </a:extLst>
        </xdr:cNvPr>
        <xdr:cNvSpPr txBox="1"/>
      </xdr:nvSpPr>
      <xdr:spPr>
        <a:xfrm>
          <a:off x="2844800" y="13467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79</xdr:row>
      <xdr:rowOff>134984</xdr:rowOff>
    </xdr:from>
    <xdr:to>
      <xdr:col>11</xdr:col>
      <xdr:colOff>82550</xdr:colOff>
      <xdr:row>80</xdr:row>
      <xdr:rowOff>65134</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2286000" y="13679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75311</xdr:rowOff>
    </xdr:from>
    <xdr:ext cx="7620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1955800" y="13448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07063</xdr:rowOff>
    </xdr:from>
    <xdr:to>
      <xdr:col>7</xdr:col>
      <xdr:colOff>31750</xdr:colOff>
      <xdr:row>80</xdr:row>
      <xdr:rowOff>37213</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1397000" y="13651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47390</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066800" y="13420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a:extLst>
            <a:ext uri="{FF2B5EF4-FFF2-40B4-BE49-F238E27FC236}">
              <a16:creationId xmlns:a16="http://schemas.microsoft.com/office/drawing/2014/main" id="{00000000-0008-0000-0300-0000EB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ラスパイレス指数については類似団体平均と比較し、常に下回っているが、令和元年度に対しては１％上昇している。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から比較すると徐々にではあるが上がってきており類似団体平均との差が縮まってき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給与水準は、今後も国の動向等を踏まえながら、引き続き適正な状況にあるよう努めていき、過度な抑制は職員の士気の低下にもつながることから、慎重に進め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a:extLst>
            <a:ext uri="{FF2B5EF4-FFF2-40B4-BE49-F238E27FC236}">
              <a16:creationId xmlns:a16="http://schemas.microsoft.com/office/drawing/2014/main" id="{00000000-0008-0000-0300-0000EC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a:extLst>
            <a:ext uri="{FF2B5EF4-FFF2-40B4-BE49-F238E27FC236}">
              <a16:creationId xmlns:a16="http://schemas.microsoft.com/office/drawing/2014/main" id="{00000000-0008-0000-0300-0000ED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79375</xdr:rowOff>
    </xdr:from>
    <xdr:to>
      <xdr:col>85</xdr:col>
      <xdr:colOff>95250</xdr:colOff>
      <xdr:row>90</xdr:row>
      <xdr:rowOff>79375</xdr:rowOff>
    </xdr:to>
    <xdr:cxnSp macro="">
      <xdr:nvCxnSpPr>
        <xdr:cNvPr id="238" name="直線コネクタ 237">
          <a:extLst>
            <a:ext uri="{FF2B5EF4-FFF2-40B4-BE49-F238E27FC236}">
              <a16:creationId xmlns:a16="http://schemas.microsoft.com/office/drawing/2014/main" id="{00000000-0008-0000-0300-0000EE000000}"/>
            </a:ext>
          </a:extLst>
        </xdr:cNvPr>
        <xdr:cNvCxnSpPr/>
      </xdr:nvCxnSpPr>
      <xdr:spPr>
        <a:xfrm>
          <a:off x="12827000" y="1550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108602</xdr:rowOff>
    </xdr:from>
    <xdr:ext cx="762000" cy="259045"/>
    <xdr:sp macro="" textlink="">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2065000" y="1536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120650</xdr:rowOff>
    </xdr:from>
    <xdr:to>
      <xdr:col>85</xdr:col>
      <xdr:colOff>95250</xdr:colOff>
      <xdr:row>88</xdr:row>
      <xdr:rowOff>120650</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149877</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61925</xdr:rowOff>
    </xdr:from>
    <xdr:to>
      <xdr:col>85</xdr:col>
      <xdr:colOff>95250</xdr:colOff>
      <xdr:row>86</xdr:row>
      <xdr:rowOff>161925</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490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9702</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476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73025</xdr:rowOff>
    </xdr:from>
    <xdr:to>
      <xdr:col>85</xdr:col>
      <xdr:colOff>95250</xdr:colOff>
      <xdr:row>83</xdr:row>
      <xdr:rowOff>73025</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30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02252</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16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1</xdr:row>
      <xdr:rowOff>114300</xdr:rowOff>
    </xdr:from>
    <xdr:to>
      <xdr:col>85</xdr:col>
      <xdr:colOff>95250</xdr:colOff>
      <xdr:row>81</xdr:row>
      <xdr:rowOff>114300</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143527</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9</xdr:row>
      <xdr:rowOff>155575</xdr:rowOff>
    </xdr:from>
    <xdr:to>
      <xdr:col>85</xdr:col>
      <xdr:colOff>95250</xdr:colOff>
      <xdr:row>79</xdr:row>
      <xdr:rowOff>155575</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70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3352</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55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a:extLst>
            <a:ext uri="{FF2B5EF4-FFF2-40B4-BE49-F238E27FC236}">
              <a16:creationId xmlns:a16="http://schemas.microsoft.com/office/drawing/2014/main" id="{00000000-0008-0000-0300-0000FD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a:extLst>
            <a:ext uri="{FF2B5EF4-FFF2-40B4-BE49-F238E27FC236}">
              <a16:creationId xmlns:a16="http://schemas.microsoft.com/office/drawing/2014/main" id="{00000000-0008-0000-0300-0000FE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04775</xdr:rowOff>
    </xdr:from>
    <xdr:to>
      <xdr:col>81</xdr:col>
      <xdr:colOff>44450</xdr:colOff>
      <xdr:row>89</xdr:row>
      <xdr:rowOff>29634</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flipV="1">
          <a:off x="17018000" y="13820775"/>
          <a:ext cx="0" cy="14679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6" name="給与水準   （国との比較）最小値テキスト">
          <a:extLst>
            <a:ext uri="{FF2B5EF4-FFF2-40B4-BE49-F238E27FC236}">
              <a16:creationId xmlns:a16="http://schemas.microsoft.com/office/drawing/2014/main" id="{00000000-0008-0000-0300-000000010000}"/>
            </a:ext>
          </a:extLst>
        </xdr:cNvPr>
        <xdr:cNvSpPr txBox="1"/>
      </xdr:nvSpPr>
      <xdr:spPr>
        <a:xfrm>
          <a:off x="17106900" y="15260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5288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9702</xdr:rowOff>
    </xdr:from>
    <xdr:ext cx="762000" cy="259045"/>
    <xdr:sp macro="" textlink="">
      <xdr:nvSpPr>
        <xdr:cNvPr id="258" name="給与水準   （国との比較）最大値テキスト">
          <a:extLst>
            <a:ext uri="{FF2B5EF4-FFF2-40B4-BE49-F238E27FC236}">
              <a16:creationId xmlns:a16="http://schemas.microsoft.com/office/drawing/2014/main" id="{00000000-0008-0000-0300-000002010000}"/>
            </a:ext>
          </a:extLst>
        </xdr:cNvPr>
        <xdr:cNvSpPr txBox="1"/>
      </xdr:nvSpPr>
      <xdr:spPr>
        <a:xfrm>
          <a:off x="17106900" y="13564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04775</xdr:rowOff>
    </xdr:from>
    <xdr:to>
      <xdr:col>81</xdr:col>
      <xdr:colOff>133350</xdr:colOff>
      <xdr:row>80</xdr:row>
      <xdr:rowOff>104775</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929100" y="13820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3</xdr:row>
      <xdr:rowOff>62971</xdr:rowOff>
    </xdr:from>
    <xdr:to>
      <xdr:col>81</xdr:col>
      <xdr:colOff>44450</xdr:colOff>
      <xdr:row>83</xdr:row>
      <xdr:rowOff>62971</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179800" y="1429332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74206</xdr:rowOff>
    </xdr:from>
    <xdr:ext cx="762000" cy="259045"/>
    <xdr:sp macro="" textlink="">
      <xdr:nvSpPr>
        <xdr:cNvPr id="261" name="給与水準   （国との比較）平均値テキスト">
          <a:extLst>
            <a:ext uri="{FF2B5EF4-FFF2-40B4-BE49-F238E27FC236}">
              <a16:creationId xmlns:a16="http://schemas.microsoft.com/office/drawing/2014/main" id="{00000000-0008-0000-0300-000005010000}"/>
            </a:ext>
          </a:extLst>
        </xdr:cNvPr>
        <xdr:cNvSpPr txBox="1"/>
      </xdr:nvSpPr>
      <xdr:spPr>
        <a:xfrm>
          <a:off x="17106900" y="144760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02129</xdr:rowOff>
    </xdr:from>
    <xdr:to>
      <xdr:col>81</xdr:col>
      <xdr:colOff>95250</xdr:colOff>
      <xdr:row>85</xdr:row>
      <xdr:rowOff>32279</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967200" y="1450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133879</xdr:rowOff>
    </xdr:from>
    <xdr:to>
      <xdr:col>77</xdr:col>
      <xdr:colOff>44450</xdr:colOff>
      <xdr:row>83</xdr:row>
      <xdr:rowOff>62971</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5290800" y="14192779"/>
          <a:ext cx="889000" cy="100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02129</xdr:rowOff>
    </xdr:from>
    <xdr:to>
      <xdr:col>77</xdr:col>
      <xdr:colOff>95250</xdr:colOff>
      <xdr:row>85</xdr:row>
      <xdr:rowOff>32279</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6129000" y="1450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7056</xdr:rowOff>
    </xdr:from>
    <xdr:ext cx="7366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5798800" y="145903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2</xdr:row>
      <xdr:rowOff>123825</xdr:rowOff>
    </xdr:from>
    <xdr:to>
      <xdr:col>72</xdr:col>
      <xdr:colOff>203200</xdr:colOff>
      <xdr:row>82</xdr:row>
      <xdr:rowOff>133879</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a:off x="14401800" y="14182725"/>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71966</xdr:rowOff>
    </xdr:from>
    <xdr:to>
      <xdr:col>73</xdr:col>
      <xdr:colOff>44450</xdr:colOff>
      <xdr:row>85</xdr:row>
      <xdr:rowOff>2116</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5240000" y="1447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58343</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909800" y="145601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2</xdr:row>
      <xdr:rowOff>83609</xdr:rowOff>
    </xdr:from>
    <xdr:to>
      <xdr:col>68</xdr:col>
      <xdr:colOff>152400</xdr:colOff>
      <xdr:row>82</xdr:row>
      <xdr:rowOff>123825</xdr:rowOff>
    </xdr:to>
    <xdr:cxnSp macro="">
      <xdr:nvCxnSpPr>
        <xdr:cNvPr id="269" name="直線コネクタ 268">
          <a:extLst>
            <a:ext uri="{FF2B5EF4-FFF2-40B4-BE49-F238E27FC236}">
              <a16:creationId xmlns:a16="http://schemas.microsoft.com/office/drawing/2014/main" id="{00000000-0008-0000-0300-00000D010000}"/>
            </a:ext>
          </a:extLst>
        </xdr:cNvPr>
        <xdr:cNvCxnSpPr/>
      </xdr:nvCxnSpPr>
      <xdr:spPr>
        <a:xfrm>
          <a:off x="13512800" y="14142509"/>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41804</xdr:rowOff>
    </xdr:from>
    <xdr:to>
      <xdr:col>68</xdr:col>
      <xdr:colOff>203200</xdr:colOff>
      <xdr:row>84</xdr:row>
      <xdr:rowOff>143404</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4351000" y="14443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81</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4020800" y="14529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41804</xdr:rowOff>
    </xdr:from>
    <xdr:to>
      <xdr:col>64</xdr:col>
      <xdr:colOff>152400</xdr:colOff>
      <xdr:row>84</xdr:row>
      <xdr:rowOff>143404</xdr:rowOff>
    </xdr:to>
    <xdr:sp macro="" textlink="">
      <xdr:nvSpPr>
        <xdr:cNvPr id="272" name="フローチャート: 判断 271">
          <a:extLst>
            <a:ext uri="{FF2B5EF4-FFF2-40B4-BE49-F238E27FC236}">
              <a16:creationId xmlns:a16="http://schemas.microsoft.com/office/drawing/2014/main" id="{00000000-0008-0000-0300-000010010000}"/>
            </a:ext>
          </a:extLst>
        </xdr:cNvPr>
        <xdr:cNvSpPr/>
      </xdr:nvSpPr>
      <xdr:spPr>
        <a:xfrm>
          <a:off x="13462000" y="14443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28181</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131800" y="14529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2171</xdr:rowOff>
    </xdr:from>
    <xdr:to>
      <xdr:col>81</xdr:col>
      <xdr:colOff>95250</xdr:colOff>
      <xdr:row>83</xdr:row>
      <xdr:rowOff>113771</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967200" y="14242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28698</xdr:rowOff>
    </xdr:from>
    <xdr:ext cx="762000" cy="259045"/>
    <xdr:sp macro="" textlink="">
      <xdr:nvSpPr>
        <xdr:cNvPr id="280" name="給与水準   （国との比較）該当値テキスト">
          <a:extLst>
            <a:ext uri="{FF2B5EF4-FFF2-40B4-BE49-F238E27FC236}">
              <a16:creationId xmlns:a16="http://schemas.microsoft.com/office/drawing/2014/main" id="{00000000-0008-0000-0300-000018010000}"/>
            </a:ext>
          </a:extLst>
        </xdr:cNvPr>
        <xdr:cNvSpPr txBox="1"/>
      </xdr:nvSpPr>
      <xdr:spPr>
        <a:xfrm>
          <a:off x="17106900" y="14087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12171</xdr:rowOff>
    </xdr:from>
    <xdr:to>
      <xdr:col>77</xdr:col>
      <xdr:colOff>95250</xdr:colOff>
      <xdr:row>83</xdr:row>
      <xdr:rowOff>113771</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6129000" y="14242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1</xdr:row>
      <xdr:rowOff>123948</xdr:rowOff>
    </xdr:from>
    <xdr:ext cx="7366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5798800" y="140113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2</xdr:row>
      <xdr:rowOff>83079</xdr:rowOff>
    </xdr:from>
    <xdr:to>
      <xdr:col>73</xdr:col>
      <xdr:colOff>44450</xdr:colOff>
      <xdr:row>83</xdr:row>
      <xdr:rowOff>13229</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5240000" y="14141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1</xdr:row>
      <xdr:rowOff>23406</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909800" y="139108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2</xdr:row>
      <xdr:rowOff>73025</xdr:rowOff>
    </xdr:from>
    <xdr:to>
      <xdr:col>68</xdr:col>
      <xdr:colOff>203200</xdr:colOff>
      <xdr:row>83</xdr:row>
      <xdr:rowOff>3175</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4351000" y="1413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1</xdr:row>
      <xdr:rowOff>13352</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4020800" y="1390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2</xdr:row>
      <xdr:rowOff>32809</xdr:rowOff>
    </xdr:from>
    <xdr:to>
      <xdr:col>64</xdr:col>
      <xdr:colOff>152400</xdr:colOff>
      <xdr:row>82</xdr:row>
      <xdr:rowOff>134409</xdr:rowOff>
    </xdr:to>
    <xdr:sp macro="" textlink="">
      <xdr:nvSpPr>
        <xdr:cNvPr id="287" name="楕円 286">
          <a:extLst>
            <a:ext uri="{FF2B5EF4-FFF2-40B4-BE49-F238E27FC236}">
              <a16:creationId xmlns:a16="http://schemas.microsoft.com/office/drawing/2014/main" id="{00000000-0008-0000-0300-00001F010000}"/>
            </a:ext>
          </a:extLst>
        </xdr:cNvPr>
        <xdr:cNvSpPr/>
      </xdr:nvSpPr>
      <xdr:spPr>
        <a:xfrm>
          <a:off x="13462000" y="14091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0</xdr:row>
      <xdr:rowOff>144586</xdr:rowOff>
    </xdr:from>
    <xdr:ext cx="762000" cy="259045"/>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131800" y="138605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平成２９年から比較し、年毎に微増で推移している。類似団体平均は下回っているが全国平均、県平均は３％から４％程度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町の人口は毎年減少していることが主な要因であると思わ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は、事業の見直しや効率化を図り、また職員の資質、能力の向上に努め、適正な定員管理に努める。</a:t>
          </a:r>
        </a:p>
      </xdr:txBody>
    </xdr:sp>
    <xdr:clientData/>
  </xdr:twoCellAnchor>
  <xdr:oneCellAnchor>
    <xdr:from>
      <xdr:col>61</xdr:col>
      <xdr:colOff>6350</xdr:colOff>
      <xdr:row>54</xdr:row>
      <xdr:rowOff>139700</xdr:rowOff>
    </xdr:from>
    <xdr:ext cx="349839" cy="225703"/>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4" name="テキスト ボックス 313">
          <a:extLst>
            <a:ext uri="{FF2B5EF4-FFF2-40B4-BE49-F238E27FC236}">
              <a16:creationId xmlns:a16="http://schemas.microsoft.com/office/drawing/2014/main" id="{00000000-0008-0000-0300-00003A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6" name="テキスト ボックス 315">
          <a:extLst>
            <a:ext uri="{FF2B5EF4-FFF2-40B4-BE49-F238E27FC236}">
              <a16:creationId xmlns:a16="http://schemas.microsoft.com/office/drawing/2014/main" id="{00000000-0008-0000-0300-00003C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7" name="定員管理の状況グラフ枠">
          <a:extLst>
            <a:ext uri="{FF2B5EF4-FFF2-40B4-BE49-F238E27FC236}">
              <a16:creationId xmlns:a16="http://schemas.microsoft.com/office/drawing/2014/main" id="{00000000-0008-0000-0300-00003D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47786</xdr:rowOff>
    </xdr:from>
    <xdr:to>
      <xdr:col>81</xdr:col>
      <xdr:colOff>44450</xdr:colOff>
      <xdr:row>67</xdr:row>
      <xdr:rowOff>154813</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flipV="1">
          <a:off x="17018000" y="10263336"/>
          <a:ext cx="0" cy="13786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26890</xdr:rowOff>
    </xdr:from>
    <xdr:ext cx="762000" cy="259045"/>
    <xdr:sp macro="" textlink="">
      <xdr:nvSpPr>
        <xdr:cNvPr id="319" name="定員管理の状況最小値テキスト">
          <a:extLst>
            <a:ext uri="{FF2B5EF4-FFF2-40B4-BE49-F238E27FC236}">
              <a16:creationId xmlns:a16="http://schemas.microsoft.com/office/drawing/2014/main" id="{00000000-0008-0000-0300-00003F010000}"/>
            </a:ext>
          </a:extLst>
        </xdr:cNvPr>
        <xdr:cNvSpPr txBox="1"/>
      </xdr:nvSpPr>
      <xdr:spPr>
        <a:xfrm>
          <a:off x="17106900" y="11614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54813</xdr:rowOff>
    </xdr:from>
    <xdr:to>
      <xdr:col>81</xdr:col>
      <xdr:colOff>133350</xdr:colOff>
      <xdr:row>67</xdr:row>
      <xdr:rowOff>154813</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929100" y="11641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62713</xdr:rowOff>
    </xdr:from>
    <xdr:ext cx="762000" cy="259045"/>
    <xdr:sp macro="" textlink="">
      <xdr:nvSpPr>
        <xdr:cNvPr id="321" name="定員管理の状況最大値テキスト">
          <a:extLst>
            <a:ext uri="{FF2B5EF4-FFF2-40B4-BE49-F238E27FC236}">
              <a16:creationId xmlns:a16="http://schemas.microsoft.com/office/drawing/2014/main" id="{00000000-0008-0000-0300-000041010000}"/>
            </a:ext>
          </a:extLst>
        </xdr:cNvPr>
        <xdr:cNvSpPr txBox="1"/>
      </xdr:nvSpPr>
      <xdr:spPr>
        <a:xfrm>
          <a:off x="17106900" y="10006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47786</xdr:rowOff>
    </xdr:from>
    <xdr:to>
      <xdr:col>81</xdr:col>
      <xdr:colOff>133350</xdr:colOff>
      <xdr:row>59</xdr:row>
      <xdr:rowOff>147786</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6929100" y="10263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79968</xdr:rowOff>
    </xdr:from>
    <xdr:to>
      <xdr:col>81</xdr:col>
      <xdr:colOff>44450</xdr:colOff>
      <xdr:row>61</xdr:row>
      <xdr:rowOff>97663</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179800" y="10538418"/>
          <a:ext cx="838200" cy="17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62111</xdr:rowOff>
    </xdr:from>
    <xdr:ext cx="762000" cy="259045"/>
    <xdr:sp macro="" textlink="">
      <xdr:nvSpPr>
        <xdr:cNvPr id="324" name="定員管理の状況平均値テキスト">
          <a:extLst>
            <a:ext uri="{FF2B5EF4-FFF2-40B4-BE49-F238E27FC236}">
              <a16:creationId xmlns:a16="http://schemas.microsoft.com/office/drawing/2014/main" id="{00000000-0008-0000-0300-000044010000}"/>
            </a:ext>
          </a:extLst>
        </xdr:cNvPr>
        <xdr:cNvSpPr txBox="1"/>
      </xdr:nvSpPr>
      <xdr:spPr>
        <a:xfrm>
          <a:off x="17106900" y="106205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8584</xdr:rowOff>
    </xdr:from>
    <xdr:to>
      <xdr:col>81</xdr:col>
      <xdr:colOff>95250</xdr:colOff>
      <xdr:row>62</xdr:row>
      <xdr:rowOff>120184</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6967200" y="10648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34120</xdr:rowOff>
    </xdr:from>
    <xdr:to>
      <xdr:col>77</xdr:col>
      <xdr:colOff>44450</xdr:colOff>
      <xdr:row>61</xdr:row>
      <xdr:rowOff>79968</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5290800" y="10492570"/>
          <a:ext cx="889000" cy="45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4563</xdr:rowOff>
    </xdr:from>
    <xdr:to>
      <xdr:col>77</xdr:col>
      <xdr:colOff>95250</xdr:colOff>
      <xdr:row>62</xdr:row>
      <xdr:rowOff>116163</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6129000" y="10644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00940</xdr:rowOff>
    </xdr:from>
    <xdr:ext cx="7366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5798800" y="107308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8034</xdr:rowOff>
    </xdr:from>
    <xdr:to>
      <xdr:col>72</xdr:col>
      <xdr:colOff>203200</xdr:colOff>
      <xdr:row>61</xdr:row>
      <xdr:rowOff>34120</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4401800" y="10476484"/>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6976</xdr:rowOff>
    </xdr:from>
    <xdr:to>
      <xdr:col>73</xdr:col>
      <xdr:colOff>44450</xdr:colOff>
      <xdr:row>62</xdr:row>
      <xdr:rowOff>118576</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5240000" y="10646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03353</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909800" y="10733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64550</xdr:rowOff>
    </xdr:from>
    <xdr:to>
      <xdr:col>68</xdr:col>
      <xdr:colOff>152400</xdr:colOff>
      <xdr:row>61</xdr:row>
      <xdr:rowOff>18034</xdr:rowOff>
    </xdr:to>
    <xdr:cxnSp macro="">
      <xdr:nvCxnSpPr>
        <xdr:cNvPr id="332" name="直線コネクタ 331">
          <a:extLst>
            <a:ext uri="{FF2B5EF4-FFF2-40B4-BE49-F238E27FC236}">
              <a16:creationId xmlns:a16="http://schemas.microsoft.com/office/drawing/2014/main" id="{00000000-0008-0000-0300-00004C010000}"/>
            </a:ext>
          </a:extLst>
        </xdr:cNvPr>
        <xdr:cNvCxnSpPr/>
      </xdr:nvCxnSpPr>
      <xdr:spPr>
        <a:xfrm>
          <a:off x="13512800" y="10451550"/>
          <a:ext cx="889000" cy="24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4563</xdr:rowOff>
    </xdr:from>
    <xdr:to>
      <xdr:col>68</xdr:col>
      <xdr:colOff>203200</xdr:colOff>
      <xdr:row>62</xdr:row>
      <xdr:rowOff>116163</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4351000" y="10644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00940</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4020800" y="10730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9389</xdr:rowOff>
    </xdr:from>
    <xdr:to>
      <xdr:col>64</xdr:col>
      <xdr:colOff>152400</xdr:colOff>
      <xdr:row>62</xdr:row>
      <xdr:rowOff>120989</xdr:rowOff>
    </xdr:to>
    <xdr:sp macro="" textlink="">
      <xdr:nvSpPr>
        <xdr:cNvPr id="335" name="フローチャート: 判断 334">
          <a:extLst>
            <a:ext uri="{FF2B5EF4-FFF2-40B4-BE49-F238E27FC236}">
              <a16:creationId xmlns:a16="http://schemas.microsoft.com/office/drawing/2014/main" id="{00000000-0008-0000-0300-00004F010000}"/>
            </a:ext>
          </a:extLst>
        </xdr:cNvPr>
        <xdr:cNvSpPr/>
      </xdr:nvSpPr>
      <xdr:spPr>
        <a:xfrm>
          <a:off x="13462000" y="10649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105766</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3131800" y="10735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6863</xdr:rowOff>
    </xdr:from>
    <xdr:to>
      <xdr:col>81</xdr:col>
      <xdr:colOff>95250</xdr:colOff>
      <xdr:row>61</xdr:row>
      <xdr:rowOff>148463</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6967200" y="10505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63390</xdr:rowOff>
    </xdr:from>
    <xdr:ext cx="762000" cy="259045"/>
    <xdr:sp macro="" textlink="">
      <xdr:nvSpPr>
        <xdr:cNvPr id="343" name="定員管理の状況該当値テキスト">
          <a:extLst>
            <a:ext uri="{FF2B5EF4-FFF2-40B4-BE49-F238E27FC236}">
              <a16:creationId xmlns:a16="http://schemas.microsoft.com/office/drawing/2014/main" id="{00000000-0008-0000-0300-000057010000}"/>
            </a:ext>
          </a:extLst>
        </xdr:cNvPr>
        <xdr:cNvSpPr txBox="1"/>
      </xdr:nvSpPr>
      <xdr:spPr>
        <a:xfrm>
          <a:off x="17106900" y="10350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29168</xdr:rowOff>
    </xdr:from>
    <xdr:to>
      <xdr:col>77</xdr:col>
      <xdr:colOff>95250</xdr:colOff>
      <xdr:row>61</xdr:row>
      <xdr:rowOff>130768</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6129000" y="1048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40945</xdr:rowOff>
    </xdr:from>
    <xdr:ext cx="7366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5798800" y="102564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54770</xdr:rowOff>
    </xdr:from>
    <xdr:to>
      <xdr:col>73</xdr:col>
      <xdr:colOff>44450</xdr:colOff>
      <xdr:row>61</xdr:row>
      <xdr:rowOff>84920</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5240000" y="10441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95097</xdr:rowOff>
    </xdr:from>
    <xdr:ext cx="762000" cy="25904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4909800" y="10210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38684</xdr:rowOff>
    </xdr:from>
    <xdr:to>
      <xdr:col>68</xdr:col>
      <xdr:colOff>203200</xdr:colOff>
      <xdr:row>61</xdr:row>
      <xdr:rowOff>68834</xdr:rowOff>
    </xdr:to>
    <xdr:sp macro="" textlink="">
      <xdr:nvSpPr>
        <xdr:cNvPr id="348" name="楕円 347">
          <a:extLst>
            <a:ext uri="{FF2B5EF4-FFF2-40B4-BE49-F238E27FC236}">
              <a16:creationId xmlns:a16="http://schemas.microsoft.com/office/drawing/2014/main" id="{00000000-0008-0000-0300-00005C010000}"/>
            </a:ext>
          </a:extLst>
        </xdr:cNvPr>
        <xdr:cNvSpPr/>
      </xdr:nvSpPr>
      <xdr:spPr>
        <a:xfrm>
          <a:off x="14351000" y="10425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79011</xdr:rowOff>
    </xdr:from>
    <xdr:ext cx="762000" cy="259045"/>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4020800" y="1019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13750</xdr:rowOff>
    </xdr:from>
    <xdr:to>
      <xdr:col>64</xdr:col>
      <xdr:colOff>152400</xdr:colOff>
      <xdr:row>61</xdr:row>
      <xdr:rowOff>43900</xdr:rowOff>
    </xdr:to>
    <xdr:sp macro="" textlink="">
      <xdr:nvSpPr>
        <xdr:cNvPr id="350" name="楕円 349">
          <a:extLst>
            <a:ext uri="{FF2B5EF4-FFF2-40B4-BE49-F238E27FC236}">
              <a16:creationId xmlns:a16="http://schemas.microsoft.com/office/drawing/2014/main" id="{00000000-0008-0000-0300-00005E010000}"/>
            </a:ext>
          </a:extLst>
        </xdr:cNvPr>
        <xdr:cNvSpPr/>
      </xdr:nvSpPr>
      <xdr:spPr>
        <a:xfrm>
          <a:off x="13462000" y="10400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54077</xdr:rowOff>
    </xdr:from>
    <xdr:ext cx="762000" cy="259045"/>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3131800" y="1016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3" name="テキスト ボックス 352">
          <a:extLst>
            <a:ext uri="{FF2B5EF4-FFF2-40B4-BE49-F238E27FC236}">
              <a16:creationId xmlns:a16="http://schemas.microsoft.com/office/drawing/2014/main" id="{00000000-0008-0000-0300-000061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２年度に比較し０．１％の増加、類似団体平均値に対し、３．７％高い状況である。主な要因は平成２９年に過疎指定されたことにより利用が可能となった過疎債の活用に伴う償還額の増加によるものと思わ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は老朽化施設の改修が見込まれることから、効率的な償還に努めるとともに、普通建設事業については、国県補助金など地方債以外の財源確保に努め、公債費負担の適正化を図る。</a:t>
          </a:r>
        </a:p>
      </xdr:txBody>
    </xdr:sp>
    <xdr:clientData/>
  </xdr:twoCellAnchor>
  <xdr:oneCellAnchor>
    <xdr:from>
      <xdr:col>61</xdr:col>
      <xdr:colOff>6350</xdr:colOff>
      <xdr:row>32</xdr:row>
      <xdr:rowOff>101600</xdr:rowOff>
    </xdr:from>
    <xdr:ext cx="298543" cy="225703"/>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3" name="テキスト ボックス 372">
          <a:extLst>
            <a:ext uri="{FF2B5EF4-FFF2-40B4-BE49-F238E27FC236}">
              <a16:creationId xmlns:a16="http://schemas.microsoft.com/office/drawing/2014/main" id="{00000000-0008-0000-0300-000075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5" name="テキスト ボックス 374">
          <a:extLst>
            <a:ext uri="{FF2B5EF4-FFF2-40B4-BE49-F238E27FC236}">
              <a16:creationId xmlns:a16="http://schemas.microsoft.com/office/drawing/2014/main" id="{00000000-0008-0000-0300-000077010000}"/>
            </a:ext>
          </a:extLst>
        </xdr:cNvPr>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1684</xdr:rowOff>
    </xdr:from>
    <xdr:to>
      <xdr:col>81</xdr:col>
      <xdr:colOff>44450</xdr:colOff>
      <xdr:row>45</xdr:row>
      <xdr:rowOff>61214</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flipV="1">
          <a:off x="17018000" y="6183884"/>
          <a:ext cx="0" cy="15925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33291</xdr:rowOff>
    </xdr:from>
    <xdr:ext cx="762000" cy="259045"/>
    <xdr:sp macro="" textlink="">
      <xdr:nvSpPr>
        <xdr:cNvPr id="379" name="公債費負担の状況最小値テキスト">
          <a:extLst>
            <a:ext uri="{FF2B5EF4-FFF2-40B4-BE49-F238E27FC236}">
              <a16:creationId xmlns:a16="http://schemas.microsoft.com/office/drawing/2014/main" id="{00000000-0008-0000-0300-00007B010000}"/>
            </a:ext>
          </a:extLst>
        </xdr:cNvPr>
        <xdr:cNvSpPr txBox="1"/>
      </xdr:nvSpPr>
      <xdr:spPr>
        <a:xfrm>
          <a:off x="17106900" y="7748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61214</xdr:rowOff>
    </xdr:from>
    <xdr:to>
      <xdr:col>81</xdr:col>
      <xdr:colOff>133350</xdr:colOff>
      <xdr:row>45</xdr:row>
      <xdr:rowOff>61214</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77764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98061</xdr:rowOff>
    </xdr:from>
    <xdr:ext cx="762000" cy="259045"/>
    <xdr:sp macro="" textlink="">
      <xdr:nvSpPr>
        <xdr:cNvPr id="381" name="公債費負担の状況最大値テキスト">
          <a:extLst>
            <a:ext uri="{FF2B5EF4-FFF2-40B4-BE49-F238E27FC236}">
              <a16:creationId xmlns:a16="http://schemas.microsoft.com/office/drawing/2014/main" id="{00000000-0008-0000-0300-00007D010000}"/>
            </a:ext>
          </a:extLst>
        </xdr:cNvPr>
        <xdr:cNvSpPr txBox="1"/>
      </xdr:nvSpPr>
      <xdr:spPr>
        <a:xfrm>
          <a:off x="17106900" y="592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1684</xdr:rowOff>
    </xdr:from>
    <xdr:to>
      <xdr:col>81</xdr:col>
      <xdr:colOff>133350</xdr:colOff>
      <xdr:row>36</xdr:row>
      <xdr:rowOff>11684</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6183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3</xdr:row>
      <xdr:rowOff>37338</xdr:rowOff>
    </xdr:from>
    <xdr:to>
      <xdr:col>81</xdr:col>
      <xdr:colOff>44450</xdr:colOff>
      <xdr:row>43</xdr:row>
      <xdr:rowOff>46990</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6179800" y="7409688"/>
          <a:ext cx="8382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69943</xdr:rowOff>
    </xdr:from>
    <xdr:ext cx="762000" cy="259045"/>
    <xdr:sp macro="" textlink="">
      <xdr:nvSpPr>
        <xdr:cNvPr id="384" name="公債費負担の状況平均値テキスト">
          <a:extLst>
            <a:ext uri="{FF2B5EF4-FFF2-40B4-BE49-F238E27FC236}">
              <a16:creationId xmlns:a16="http://schemas.microsoft.com/office/drawing/2014/main" id="{00000000-0008-0000-0300-000080010000}"/>
            </a:ext>
          </a:extLst>
        </xdr:cNvPr>
        <xdr:cNvSpPr txBox="1"/>
      </xdr:nvSpPr>
      <xdr:spPr>
        <a:xfrm>
          <a:off x="17106900" y="68564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53416</xdr:rowOff>
    </xdr:from>
    <xdr:to>
      <xdr:col>81</xdr:col>
      <xdr:colOff>95250</xdr:colOff>
      <xdr:row>41</xdr:row>
      <xdr:rowOff>83566</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967200" y="7011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2</xdr:row>
      <xdr:rowOff>131572</xdr:rowOff>
    </xdr:from>
    <xdr:to>
      <xdr:col>77</xdr:col>
      <xdr:colOff>44450</xdr:colOff>
      <xdr:row>43</xdr:row>
      <xdr:rowOff>37338</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5290800" y="7332472"/>
          <a:ext cx="8890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0226</xdr:rowOff>
    </xdr:from>
    <xdr:to>
      <xdr:col>77</xdr:col>
      <xdr:colOff>95250</xdr:colOff>
      <xdr:row>41</xdr:row>
      <xdr:rowOff>131826</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129000" y="705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142003</xdr:rowOff>
    </xdr:from>
    <xdr:ext cx="7366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798800" y="6828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167894</xdr:rowOff>
    </xdr:from>
    <xdr:to>
      <xdr:col>72</xdr:col>
      <xdr:colOff>203200</xdr:colOff>
      <xdr:row>42</xdr:row>
      <xdr:rowOff>131572</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a:off x="14401800" y="7197344"/>
          <a:ext cx="889000" cy="135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30226</xdr:rowOff>
    </xdr:from>
    <xdr:to>
      <xdr:col>73</xdr:col>
      <xdr:colOff>44450</xdr:colOff>
      <xdr:row>41</xdr:row>
      <xdr:rowOff>131826</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5240000" y="705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42003</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909800" y="6828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42418</xdr:rowOff>
    </xdr:from>
    <xdr:to>
      <xdr:col>68</xdr:col>
      <xdr:colOff>152400</xdr:colOff>
      <xdr:row>41</xdr:row>
      <xdr:rowOff>167894</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a:off x="13512800" y="7071868"/>
          <a:ext cx="8890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0922</xdr:rowOff>
    </xdr:from>
    <xdr:to>
      <xdr:col>68</xdr:col>
      <xdr:colOff>203200</xdr:colOff>
      <xdr:row>41</xdr:row>
      <xdr:rowOff>112522</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4351000" y="704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22699</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020800" y="6809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70</xdr:rowOff>
    </xdr:from>
    <xdr:to>
      <xdr:col>64</xdr:col>
      <xdr:colOff>152400</xdr:colOff>
      <xdr:row>41</xdr:row>
      <xdr:rowOff>102870</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3462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8764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3131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2</xdr:row>
      <xdr:rowOff>167640</xdr:rowOff>
    </xdr:from>
    <xdr:to>
      <xdr:col>81</xdr:col>
      <xdr:colOff>95250</xdr:colOff>
      <xdr:row>43</xdr:row>
      <xdr:rowOff>9779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967200" y="736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2</xdr:row>
      <xdr:rowOff>139717</xdr:rowOff>
    </xdr:from>
    <xdr:ext cx="762000" cy="259045"/>
    <xdr:sp macro="" textlink="">
      <xdr:nvSpPr>
        <xdr:cNvPr id="403" name="公債費負担の状況該当値テキスト">
          <a:extLst>
            <a:ext uri="{FF2B5EF4-FFF2-40B4-BE49-F238E27FC236}">
              <a16:creationId xmlns:a16="http://schemas.microsoft.com/office/drawing/2014/main" id="{00000000-0008-0000-0300-000093010000}"/>
            </a:ext>
          </a:extLst>
        </xdr:cNvPr>
        <xdr:cNvSpPr txBox="1"/>
      </xdr:nvSpPr>
      <xdr:spPr>
        <a:xfrm>
          <a:off x="17106900" y="7340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157988</xdr:rowOff>
    </xdr:from>
    <xdr:to>
      <xdr:col>77</xdr:col>
      <xdr:colOff>95250</xdr:colOff>
      <xdr:row>43</xdr:row>
      <xdr:rowOff>88138</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129000" y="7358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3</xdr:row>
      <xdr:rowOff>72915</xdr:rowOff>
    </xdr:from>
    <xdr:ext cx="7366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798800" y="7445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2</xdr:row>
      <xdr:rowOff>80772</xdr:rowOff>
    </xdr:from>
    <xdr:to>
      <xdr:col>73</xdr:col>
      <xdr:colOff>44450</xdr:colOff>
      <xdr:row>43</xdr:row>
      <xdr:rowOff>10922</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5240000" y="7281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167149</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909800" y="736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17094</xdr:rowOff>
    </xdr:from>
    <xdr:to>
      <xdr:col>68</xdr:col>
      <xdr:colOff>203200</xdr:colOff>
      <xdr:row>42</xdr:row>
      <xdr:rowOff>47244</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4351000" y="7146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32021</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020800" y="7232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63068</xdr:rowOff>
    </xdr:from>
    <xdr:to>
      <xdr:col>64</xdr:col>
      <xdr:colOff>152400</xdr:colOff>
      <xdr:row>41</xdr:row>
      <xdr:rowOff>93218</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3462000" y="7021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03395</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131800" y="6789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までは類似団体平均値を大幅に上回っていたが、令和３年度においては大幅に改善している。下水道事業や湯河原町真鶴町衛生組合への負担等、継続して事業が行われているが、それらの事業に充当が可能な財源とした基金の積立が適切に行われたことにより基金残高の増加により改善したものと思わ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は、教育施設の老朽化に伴う改修が見込まれていることから、事業の必要性の再確認や、補助金の活用などにより充当財源をより一層確保していく。</a:t>
          </a: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0</xdr:row>
      <xdr:rowOff>64516</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flipV="1">
          <a:off x="17018000" y="2451100"/>
          <a:ext cx="0" cy="10424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0</xdr:row>
      <xdr:rowOff>36593</xdr:rowOff>
    </xdr:from>
    <xdr:ext cx="762000" cy="259045"/>
    <xdr:sp macro="" textlink="">
      <xdr:nvSpPr>
        <xdr:cNvPr id="439" name="将来負担の状況最小値テキスト">
          <a:extLst>
            <a:ext uri="{FF2B5EF4-FFF2-40B4-BE49-F238E27FC236}">
              <a16:creationId xmlns:a16="http://schemas.microsoft.com/office/drawing/2014/main" id="{00000000-0008-0000-0300-0000B7010000}"/>
            </a:ext>
          </a:extLst>
        </xdr:cNvPr>
        <xdr:cNvSpPr txBox="1"/>
      </xdr:nvSpPr>
      <xdr:spPr>
        <a:xfrm>
          <a:off x="17106900" y="3465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0</xdr:row>
      <xdr:rowOff>64516</xdr:rowOff>
    </xdr:from>
    <xdr:to>
      <xdr:col>81</xdr:col>
      <xdr:colOff>133350</xdr:colOff>
      <xdr:row>20</xdr:row>
      <xdr:rowOff>64516</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6929100" y="34935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86377</xdr:rowOff>
    </xdr:from>
    <xdr:ext cx="762000" cy="259045"/>
    <xdr:sp macro="" textlink="">
      <xdr:nvSpPr>
        <xdr:cNvPr id="441" name="将来負担の状況最大値テキスト">
          <a:extLst>
            <a:ext uri="{FF2B5EF4-FFF2-40B4-BE49-F238E27FC236}">
              <a16:creationId xmlns:a16="http://schemas.microsoft.com/office/drawing/2014/main" id="{00000000-0008-0000-0300-0000B9010000}"/>
            </a:ext>
          </a:extLst>
        </xdr:cNvPr>
        <xdr:cNvSpPr txBox="1"/>
      </xdr:nvSpPr>
      <xdr:spPr>
        <a:xfrm>
          <a:off x="17106900" y="214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20</xdr:row>
      <xdr:rowOff>45212</xdr:rowOff>
    </xdr:from>
    <xdr:to>
      <xdr:col>81</xdr:col>
      <xdr:colOff>44450</xdr:colOff>
      <xdr:row>22</xdr:row>
      <xdr:rowOff>31445</xdr:rowOff>
    </xdr:to>
    <xdr:cxnSp macro="">
      <xdr:nvCxnSpPr>
        <xdr:cNvPr id="443" name="直線コネクタ 442">
          <a:extLst>
            <a:ext uri="{FF2B5EF4-FFF2-40B4-BE49-F238E27FC236}">
              <a16:creationId xmlns:a16="http://schemas.microsoft.com/office/drawing/2014/main" id="{00000000-0008-0000-0300-0000BB010000}"/>
            </a:ext>
          </a:extLst>
        </xdr:cNvPr>
        <xdr:cNvCxnSpPr/>
      </xdr:nvCxnSpPr>
      <xdr:spPr>
        <a:xfrm flipV="1">
          <a:off x="16179800" y="3474212"/>
          <a:ext cx="838200" cy="329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29227</xdr:rowOff>
    </xdr:from>
    <xdr:ext cx="762000" cy="259045"/>
    <xdr:sp macro="" textlink="">
      <xdr:nvSpPr>
        <xdr:cNvPr id="444" name="将来負担の状況平均値テキスト">
          <a:extLst>
            <a:ext uri="{FF2B5EF4-FFF2-40B4-BE49-F238E27FC236}">
              <a16:creationId xmlns:a16="http://schemas.microsoft.com/office/drawing/2014/main" id="{00000000-0008-0000-0300-0000BC010000}"/>
            </a:ext>
          </a:extLst>
        </xdr:cNvPr>
        <xdr:cNvSpPr txBox="1"/>
      </xdr:nvSpPr>
      <xdr:spPr>
        <a:xfrm>
          <a:off x="17106900" y="2258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0</xdr:rowOff>
    </xdr:from>
    <xdr:to>
      <xdr:col>81</xdr:col>
      <xdr:colOff>95250</xdr:colOff>
      <xdr:row>14</xdr:row>
      <xdr:rowOff>101600</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69672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22</xdr:row>
      <xdr:rowOff>31445</xdr:rowOff>
    </xdr:from>
    <xdr:to>
      <xdr:col>77</xdr:col>
      <xdr:colOff>44450</xdr:colOff>
      <xdr:row>22</xdr:row>
      <xdr:rowOff>148234</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flipV="1">
          <a:off x="15290800" y="3803345"/>
          <a:ext cx="889000" cy="116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32817</xdr:rowOff>
    </xdr:from>
    <xdr:to>
      <xdr:col>77</xdr:col>
      <xdr:colOff>95250</xdr:colOff>
      <xdr:row>14</xdr:row>
      <xdr:rowOff>134417</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129000" y="243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44594</xdr:rowOff>
    </xdr:from>
    <xdr:ext cx="7366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5798800" y="2201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22</xdr:row>
      <xdr:rowOff>148234</xdr:rowOff>
    </xdr:from>
    <xdr:to>
      <xdr:col>72</xdr:col>
      <xdr:colOff>203200</xdr:colOff>
      <xdr:row>22</xdr:row>
      <xdr:rowOff>155956</xdr:rowOff>
    </xdr:to>
    <xdr:cxnSp macro="">
      <xdr:nvCxnSpPr>
        <xdr:cNvPr id="449" name="直線コネクタ 448">
          <a:extLst>
            <a:ext uri="{FF2B5EF4-FFF2-40B4-BE49-F238E27FC236}">
              <a16:creationId xmlns:a16="http://schemas.microsoft.com/office/drawing/2014/main" id="{00000000-0008-0000-0300-0000C1010000}"/>
            </a:ext>
          </a:extLst>
        </xdr:cNvPr>
        <xdr:cNvCxnSpPr/>
      </xdr:nvCxnSpPr>
      <xdr:spPr>
        <a:xfrm flipV="1">
          <a:off x="14401800" y="3920134"/>
          <a:ext cx="889000" cy="7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28956</xdr:rowOff>
    </xdr:from>
    <xdr:to>
      <xdr:col>73</xdr:col>
      <xdr:colOff>44450</xdr:colOff>
      <xdr:row>14</xdr:row>
      <xdr:rowOff>130556</xdr:rowOff>
    </xdr:to>
    <xdr:sp macro="" textlink="">
      <xdr:nvSpPr>
        <xdr:cNvPr id="450" name="フローチャート: 判断 449">
          <a:extLst>
            <a:ext uri="{FF2B5EF4-FFF2-40B4-BE49-F238E27FC236}">
              <a16:creationId xmlns:a16="http://schemas.microsoft.com/office/drawing/2014/main" id="{00000000-0008-0000-0300-0000C2010000}"/>
            </a:ext>
          </a:extLst>
        </xdr:cNvPr>
        <xdr:cNvSpPr/>
      </xdr:nvSpPr>
      <xdr:spPr>
        <a:xfrm>
          <a:off x="15240000" y="242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40733</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4909800" y="2198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2</xdr:row>
      <xdr:rowOff>155956</xdr:rowOff>
    </xdr:from>
    <xdr:to>
      <xdr:col>68</xdr:col>
      <xdr:colOff>152400</xdr:colOff>
      <xdr:row>23</xdr:row>
      <xdr:rowOff>38557</xdr:rowOff>
    </xdr:to>
    <xdr:cxnSp macro="">
      <xdr:nvCxnSpPr>
        <xdr:cNvPr id="452" name="直線コネクタ 451">
          <a:extLst>
            <a:ext uri="{FF2B5EF4-FFF2-40B4-BE49-F238E27FC236}">
              <a16:creationId xmlns:a16="http://schemas.microsoft.com/office/drawing/2014/main" id="{00000000-0008-0000-0300-0000C4010000}"/>
            </a:ext>
          </a:extLst>
        </xdr:cNvPr>
        <xdr:cNvCxnSpPr/>
      </xdr:nvCxnSpPr>
      <xdr:spPr>
        <a:xfrm flipV="1">
          <a:off x="13512800" y="3927856"/>
          <a:ext cx="889000" cy="54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73355</xdr:rowOff>
    </xdr:from>
    <xdr:to>
      <xdr:col>68</xdr:col>
      <xdr:colOff>203200</xdr:colOff>
      <xdr:row>15</xdr:row>
      <xdr:rowOff>3505</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4351000" y="2473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3682</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4020800" y="22425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54407</xdr:rowOff>
    </xdr:from>
    <xdr:to>
      <xdr:col>64</xdr:col>
      <xdr:colOff>152400</xdr:colOff>
      <xdr:row>15</xdr:row>
      <xdr:rowOff>156007</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3462000" y="2626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66184</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3131800" y="239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165862</xdr:rowOff>
    </xdr:from>
    <xdr:to>
      <xdr:col>81</xdr:col>
      <xdr:colOff>95250</xdr:colOff>
      <xdr:row>20</xdr:row>
      <xdr:rowOff>96012</xdr:rowOff>
    </xdr:to>
    <xdr:sp macro="" textlink="">
      <xdr:nvSpPr>
        <xdr:cNvPr id="462" name="楕円 461">
          <a:extLst>
            <a:ext uri="{FF2B5EF4-FFF2-40B4-BE49-F238E27FC236}">
              <a16:creationId xmlns:a16="http://schemas.microsoft.com/office/drawing/2014/main" id="{00000000-0008-0000-0300-0000CE010000}"/>
            </a:ext>
          </a:extLst>
        </xdr:cNvPr>
        <xdr:cNvSpPr/>
      </xdr:nvSpPr>
      <xdr:spPr>
        <a:xfrm>
          <a:off x="16967200" y="3423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9</xdr:row>
      <xdr:rowOff>61739</xdr:rowOff>
    </xdr:from>
    <xdr:ext cx="762000" cy="259045"/>
    <xdr:sp macro="" textlink="">
      <xdr:nvSpPr>
        <xdr:cNvPr id="463" name="将来負担の状況該当値テキスト">
          <a:extLst>
            <a:ext uri="{FF2B5EF4-FFF2-40B4-BE49-F238E27FC236}">
              <a16:creationId xmlns:a16="http://schemas.microsoft.com/office/drawing/2014/main" id="{00000000-0008-0000-0300-0000CF010000}"/>
            </a:ext>
          </a:extLst>
        </xdr:cNvPr>
        <xdr:cNvSpPr txBox="1"/>
      </xdr:nvSpPr>
      <xdr:spPr>
        <a:xfrm>
          <a:off x="17106900" y="3319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21</xdr:row>
      <xdr:rowOff>152095</xdr:rowOff>
    </xdr:from>
    <xdr:to>
      <xdr:col>77</xdr:col>
      <xdr:colOff>95250</xdr:colOff>
      <xdr:row>22</xdr:row>
      <xdr:rowOff>82245</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129000" y="3752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2</xdr:row>
      <xdr:rowOff>67022</xdr:rowOff>
    </xdr:from>
    <xdr:ext cx="7366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5798800" y="38389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22</xdr:row>
      <xdr:rowOff>97434</xdr:rowOff>
    </xdr:from>
    <xdr:to>
      <xdr:col>73</xdr:col>
      <xdr:colOff>44450</xdr:colOff>
      <xdr:row>23</xdr:row>
      <xdr:rowOff>27584</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5240000" y="3869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3</xdr:row>
      <xdr:rowOff>12361</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4909800" y="3955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2</xdr:row>
      <xdr:rowOff>105156</xdr:rowOff>
    </xdr:from>
    <xdr:to>
      <xdr:col>68</xdr:col>
      <xdr:colOff>203200</xdr:colOff>
      <xdr:row>23</xdr:row>
      <xdr:rowOff>35306</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4351000" y="3877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3</xdr:row>
      <xdr:rowOff>20083</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020800" y="3963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2</xdr:row>
      <xdr:rowOff>159207</xdr:rowOff>
    </xdr:from>
    <xdr:to>
      <xdr:col>64</xdr:col>
      <xdr:colOff>152400</xdr:colOff>
      <xdr:row>23</xdr:row>
      <xdr:rowOff>89357</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3462000" y="3931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3</xdr:row>
      <xdr:rowOff>74134</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3131800" y="4017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5466</xdr:colOff>
      <xdr:row>26</xdr:row>
      <xdr:rowOff>46565</xdr:rowOff>
    </xdr:from>
    <xdr:ext cx="9099176" cy="588435"/>
    <xdr:sp macro="" textlink="">
      <xdr:nvSpPr>
        <xdr:cNvPr id="472" name="テキスト ボックス 471">
          <a:extLst>
            <a:ext uri="{FF2B5EF4-FFF2-40B4-BE49-F238E27FC236}">
              <a16:creationId xmlns:a16="http://schemas.microsoft.com/office/drawing/2014/main" id="{B7833EC5-7802-49C9-93AF-5F55205E114C}"/>
            </a:ext>
          </a:extLst>
        </xdr:cNvPr>
        <xdr:cNvSpPr txBox="1"/>
      </xdr:nvSpPr>
      <xdr:spPr>
        <a:xfrm>
          <a:off x="719666" y="4449232"/>
          <a:ext cx="9099176" cy="58843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84
6,916
7.05
4,416,745
4,073,683
339,840
2,501,157
3,464,2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10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口１人当たりの決算額については、類似団体平均と比較すると上回っているが、神奈川県平均は下回っている。これは人口１人当たり職員数は類似団体と比べ少なく、ラスパイレス指数が低いことが主な要因であ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68910</xdr:rowOff>
    </xdr:from>
    <xdr:to>
      <xdr:col>24</xdr:col>
      <xdr:colOff>25400</xdr:colOff>
      <xdr:row>42</xdr:row>
      <xdr:rowOff>2794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2676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2</xdr:row>
      <xdr:rowOff>1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200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27940</xdr:rowOff>
    </xdr:from>
    <xdr:to>
      <xdr:col>24</xdr:col>
      <xdr:colOff>114300</xdr:colOff>
      <xdr:row>42</xdr:row>
      <xdr:rowOff>2794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228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8383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70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68910</xdr:rowOff>
    </xdr:from>
    <xdr:to>
      <xdr:col>24</xdr:col>
      <xdr:colOff>114300</xdr:colOff>
      <xdr:row>33</xdr:row>
      <xdr:rowOff>16891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26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2700</xdr:rowOff>
    </xdr:from>
    <xdr:to>
      <xdr:col>24</xdr:col>
      <xdr:colOff>25400</xdr:colOff>
      <xdr:row>40</xdr:row>
      <xdr:rowOff>3556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527800"/>
          <a:ext cx="838200" cy="365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130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6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4780</xdr:rowOff>
    </xdr:from>
    <xdr:to>
      <xdr:col>24</xdr:col>
      <xdr:colOff>76200</xdr:colOff>
      <xdr:row>37</xdr:row>
      <xdr:rowOff>7493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8890</xdr:rowOff>
    </xdr:from>
    <xdr:to>
      <xdr:col>19</xdr:col>
      <xdr:colOff>187325</xdr:colOff>
      <xdr:row>40</xdr:row>
      <xdr:rowOff>3556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6695440"/>
          <a:ext cx="8890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56210</xdr:rowOff>
    </xdr:from>
    <xdr:to>
      <xdr:col>20</xdr:col>
      <xdr:colOff>38100</xdr:colOff>
      <xdr:row>38</xdr:row>
      <xdr:rowOff>8636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49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9653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268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8890</xdr:rowOff>
    </xdr:from>
    <xdr:to>
      <xdr:col>15</xdr:col>
      <xdr:colOff>98425</xdr:colOff>
      <xdr:row>39</xdr:row>
      <xdr:rowOff>2413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6954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64770</xdr:rowOff>
    </xdr:from>
    <xdr:to>
      <xdr:col>15</xdr:col>
      <xdr:colOff>149225</xdr:colOff>
      <xdr:row>37</xdr:row>
      <xdr:rowOff>16637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509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65100</xdr:rowOff>
    </xdr:from>
    <xdr:to>
      <xdr:col>11</xdr:col>
      <xdr:colOff>9525</xdr:colOff>
      <xdr:row>39</xdr:row>
      <xdr:rowOff>2413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66802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49530</xdr:rowOff>
    </xdr:from>
    <xdr:to>
      <xdr:col>11</xdr:col>
      <xdr:colOff>60325</xdr:colOff>
      <xdr:row>37</xdr:row>
      <xdr:rowOff>15113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393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130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16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72390</xdr:rowOff>
    </xdr:from>
    <xdr:to>
      <xdr:col>6</xdr:col>
      <xdr:colOff>171450</xdr:colOff>
      <xdr:row>38</xdr:row>
      <xdr:rowOff>254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416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271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18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33350</xdr:rowOff>
    </xdr:from>
    <xdr:to>
      <xdr:col>24</xdr:col>
      <xdr:colOff>76200</xdr:colOff>
      <xdr:row>38</xdr:row>
      <xdr:rowOff>6350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0542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56210</xdr:rowOff>
    </xdr:from>
    <xdr:to>
      <xdr:col>20</xdr:col>
      <xdr:colOff>38100</xdr:colOff>
      <xdr:row>40</xdr:row>
      <xdr:rowOff>8636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84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7113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929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29540</xdr:rowOff>
    </xdr:from>
    <xdr:to>
      <xdr:col>15</xdr:col>
      <xdr:colOff>149225</xdr:colOff>
      <xdr:row>39</xdr:row>
      <xdr:rowOff>5969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4446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73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44780</xdr:rowOff>
    </xdr:from>
    <xdr:to>
      <xdr:col>11</xdr:col>
      <xdr:colOff>60325</xdr:colOff>
      <xdr:row>39</xdr:row>
      <xdr:rowOff>7493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659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5970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74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14300</xdr:rowOff>
    </xdr:from>
    <xdr:to>
      <xdr:col>6</xdr:col>
      <xdr:colOff>171450</xdr:colOff>
      <xdr:row>39</xdr:row>
      <xdr:rowOff>444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62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292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71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に係る経常収支比率は類似団体平均と比べても１．６ポイント低い状況となっている。この傾向は過去より続いていますが、これは委託業務が類似団体に比べ少ないことによるものと考え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要因としては道路補修や草刈り等の一部を直営で行っていることが考えられ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18" name="物件費グラフ枠">
          <a:extLst>
            <a:ext uri="{FF2B5EF4-FFF2-40B4-BE49-F238E27FC236}">
              <a16:creationId xmlns:a16="http://schemas.microsoft.com/office/drawing/2014/main" id="{00000000-0008-0000-0400-000076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140716</xdr:rowOff>
    </xdr:from>
    <xdr:to>
      <xdr:col>82</xdr:col>
      <xdr:colOff>107950</xdr:colOff>
      <xdr:row>21</xdr:row>
      <xdr:rowOff>88138</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flipV="1">
          <a:off x="16510000" y="2541016"/>
          <a:ext cx="0" cy="1147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60215</xdr:rowOff>
    </xdr:from>
    <xdr:ext cx="762000" cy="259045"/>
    <xdr:sp macro="" textlink="">
      <xdr:nvSpPr>
        <xdr:cNvPr id="120" name="物件費最小値テキスト">
          <a:extLst>
            <a:ext uri="{FF2B5EF4-FFF2-40B4-BE49-F238E27FC236}">
              <a16:creationId xmlns:a16="http://schemas.microsoft.com/office/drawing/2014/main" id="{00000000-0008-0000-0400-000078000000}"/>
            </a:ext>
          </a:extLst>
        </xdr:cNvPr>
        <xdr:cNvSpPr txBox="1"/>
      </xdr:nvSpPr>
      <xdr:spPr>
        <a:xfrm>
          <a:off x="16598900" y="3660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88138</xdr:rowOff>
    </xdr:from>
    <xdr:to>
      <xdr:col>82</xdr:col>
      <xdr:colOff>196850</xdr:colOff>
      <xdr:row>21</xdr:row>
      <xdr:rowOff>88138</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6421100" y="3688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55643</xdr:rowOff>
    </xdr:from>
    <xdr:ext cx="762000" cy="259045"/>
    <xdr:sp macro="" textlink="">
      <xdr:nvSpPr>
        <xdr:cNvPr id="122" name="物件費最大値テキスト">
          <a:extLst>
            <a:ext uri="{FF2B5EF4-FFF2-40B4-BE49-F238E27FC236}">
              <a16:creationId xmlns:a16="http://schemas.microsoft.com/office/drawing/2014/main" id="{00000000-0008-0000-0400-00007A000000}"/>
            </a:ext>
          </a:extLst>
        </xdr:cNvPr>
        <xdr:cNvSpPr txBox="1"/>
      </xdr:nvSpPr>
      <xdr:spPr>
        <a:xfrm>
          <a:off x="16598900" y="2284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140716</xdr:rowOff>
    </xdr:from>
    <xdr:to>
      <xdr:col>82</xdr:col>
      <xdr:colOff>196850</xdr:colOff>
      <xdr:row>14</xdr:row>
      <xdr:rowOff>140716</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2541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53848</xdr:rowOff>
    </xdr:from>
    <xdr:to>
      <xdr:col>82</xdr:col>
      <xdr:colOff>107950</xdr:colOff>
      <xdr:row>16</xdr:row>
      <xdr:rowOff>76708</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5671800" y="2797048"/>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57421</xdr:rowOff>
    </xdr:from>
    <xdr:ext cx="762000" cy="259045"/>
    <xdr:sp macro="" textlink="">
      <xdr:nvSpPr>
        <xdr:cNvPr id="125" name="物件費平均値テキスト">
          <a:extLst>
            <a:ext uri="{FF2B5EF4-FFF2-40B4-BE49-F238E27FC236}">
              <a16:creationId xmlns:a16="http://schemas.microsoft.com/office/drawing/2014/main" id="{00000000-0008-0000-0400-00007D000000}"/>
            </a:ext>
          </a:extLst>
        </xdr:cNvPr>
        <xdr:cNvSpPr txBox="1"/>
      </xdr:nvSpPr>
      <xdr:spPr>
        <a:xfrm>
          <a:off x="16598900" y="28006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5344</xdr:rowOff>
    </xdr:from>
    <xdr:to>
      <xdr:col>82</xdr:col>
      <xdr:colOff>158750</xdr:colOff>
      <xdr:row>17</xdr:row>
      <xdr:rowOff>15494</xdr:rowOff>
    </xdr:to>
    <xdr:sp macro="" textlink="">
      <xdr:nvSpPr>
        <xdr:cNvPr id="126" name="フローチャート: 判断 125">
          <a:extLst>
            <a:ext uri="{FF2B5EF4-FFF2-40B4-BE49-F238E27FC236}">
              <a16:creationId xmlns:a16="http://schemas.microsoft.com/office/drawing/2014/main" id="{00000000-0008-0000-0400-00007E000000}"/>
            </a:ext>
          </a:extLst>
        </xdr:cNvPr>
        <xdr:cNvSpPr/>
      </xdr:nvSpPr>
      <xdr:spPr>
        <a:xfrm>
          <a:off x="16459200" y="2828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76708</xdr:rowOff>
    </xdr:from>
    <xdr:to>
      <xdr:col>78</xdr:col>
      <xdr:colOff>69850</xdr:colOff>
      <xdr:row>16</xdr:row>
      <xdr:rowOff>113284</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flipV="1">
          <a:off x="14782800" y="281990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21920</xdr:rowOff>
    </xdr:from>
    <xdr:to>
      <xdr:col>78</xdr:col>
      <xdr:colOff>120650</xdr:colOff>
      <xdr:row>17</xdr:row>
      <xdr:rowOff>52070</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5621000" y="2865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36847</xdr:rowOff>
    </xdr:from>
    <xdr:ext cx="736600" cy="259045"/>
    <xdr:sp macro="" textlink="">
      <xdr:nvSpPr>
        <xdr:cNvPr id="129" name="テキスト ボックス 128">
          <a:extLst>
            <a:ext uri="{FF2B5EF4-FFF2-40B4-BE49-F238E27FC236}">
              <a16:creationId xmlns:a16="http://schemas.microsoft.com/office/drawing/2014/main" id="{00000000-0008-0000-0400-000081000000}"/>
            </a:ext>
          </a:extLst>
        </xdr:cNvPr>
        <xdr:cNvSpPr txBox="1"/>
      </xdr:nvSpPr>
      <xdr:spPr>
        <a:xfrm>
          <a:off x="15290800" y="2951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13284</xdr:rowOff>
    </xdr:from>
    <xdr:to>
      <xdr:col>73</xdr:col>
      <xdr:colOff>180975</xdr:colOff>
      <xdr:row>17</xdr:row>
      <xdr:rowOff>127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flipV="1">
          <a:off x="13893800" y="2856484"/>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5334</xdr:rowOff>
    </xdr:from>
    <xdr:to>
      <xdr:col>74</xdr:col>
      <xdr:colOff>31750</xdr:colOff>
      <xdr:row>17</xdr:row>
      <xdr:rowOff>106934</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4732000" y="2919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91711</xdr:rowOff>
    </xdr:from>
    <xdr:ext cx="7620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4401800" y="3006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90424</xdr:rowOff>
    </xdr:from>
    <xdr:to>
      <xdr:col>69</xdr:col>
      <xdr:colOff>92075</xdr:colOff>
      <xdr:row>17</xdr:row>
      <xdr:rowOff>127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004800" y="2833624"/>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7640</xdr:rowOff>
    </xdr:from>
    <xdr:to>
      <xdr:col>69</xdr:col>
      <xdr:colOff>142875</xdr:colOff>
      <xdr:row>17</xdr:row>
      <xdr:rowOff>97790</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3843000" y="291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82567</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3512800" y="2997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8496</xdr:rowOff>
    </xdr:from>
    <xdr:to>
      <xdr:col>65</xdr:col>
      <xdr:colOff>53975</xdr:colOff>
      <xdr:row>17</xdr:row>
      <xdr:rowOff>88646</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2954000" y="2901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3423</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2623800" y="2988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3048</xdr:rowOff>
    </xdr:from>
    <xdr:to>
      <xdr:col>82</xdr:col>
      <xdr:colOff>158750</xdr:colOff>
      <xdr:row>16</xdr:row>
      <xdr:rowOff>104648</xdr:rowOff>
    </xdr:to>
    <xdr:sp macro="" textlink="">
      <xdr:nvSpPr>
        <xdr:cNvPr id="143" name="楕円 142">
          <a:extLst>
            <a:ext uri="{FF2B5EF4-FFF2-40B4-BE49-F238E27FC236}">
              <a16:creationId xmlns:a16="http://schemas.microsoft.com/office/drawing/2014/main" id="{00000000-0008-0000-0400-00008F000000}"/>
            </a:ext>
          </a:extLst>
        </xdr:cNvPr>
        <xdr:cNvSpPr/>
      </xdr:nvSpPr>
      <xdr:spPr>
        <a:xfrm>
          <a:off x="16459200" y="2746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19575</xdr:rowOff>
    </xdr:from>
    <xdr:ext cx="762000" cy="259045"/>
    <xdr:sp macro="" textlink="">
      <xdr:nvSpPr>
        <xdr:cNvPr id="144" name="物件費該当値テキスト">
          <a:extLst>
            <a:ext uri="{FF2B5EF4-FFF2-40B4-BE49-F238E27FC236}">
              <a16:creationId xmlns:a16="http://schemas.microsoft.com/office/drawing/2014/main" id="{00000000-0008-0000-0400-000090000000}"/>
            </a:ext>
          </a:extLst>
        </xdr:cNvPr>
        <xdr:cNvSpPr txBox="1"/>
      </xdr:nvSpPr>
      <xdr:spPr>
        <a:xfrm>
          <a:off x="16598900" y="2591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25908</xdr:rowOff>
    </xdr:from>
    <xdr:to>
      <xdr:col>78</xdr:col>
      <xdr:colOff>120650</xdr:colOff>
      <xdr:row>16</xdr:row>
      <xdr:rowOff>127508</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5621000" y="2769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37685</xdr:rowOff>
    </xdr:from>
    <xdr:ext cx="7366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290800" y="25379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62484</xdr:rowOff>
    </xdr:from>
    <xdr:to>
      <xdr:col>74</xdr:col>
      <xdr:colOff>31750</xdr:colOff>
      <xdr:row>16</xdr:row>
      <xdr:rowOff>164084</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4732000" y="2805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2811</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4401800" y="257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21920</xdr:rowOff>
    </xdr:from>
    <xdr:to>
      <xdr:col>69</xdr:col>
      <xdr:colOff>142875</xdr:colOff>
      <xdr:row>17</xdr:row>
      <xdr:rowOff>52070</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3843000" y="286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6224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3512800" y="2633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9624</xdr:rowOff>
    </xdr:from>
    <xdr:to>
      <xdr:col>65</xdr:col>
      <xdr:colOff>53975</xdr:colOff>
      <xdr:row>16</xdr:row>
      <xdr:rowOff>141224</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2954000" y="2782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51401</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2623800" y="255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扶助費の経常収支比率は類似団体平均と同水準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の見込みとしては、高齢化の影響により扶助費全体では増加していく傾向です。</a:t>
          </a:r>
        </a:p>
      </xdr:txBody>
    </xdr:sp>
    <xdr:clientData/>
  </xdr:twoCellAnchor>
  <xdr:oneCellAnchor>
    <xdr:from>
      <xdr:col>3</xdr:col>
      <xdr:colOff>123825</xdr:colOff>
      <xdr:row>49</xdr:row>
      <xdr:rowOff>107950</xdr:rowOff>
    </xdr:from>
    <xdr:ext cx="298543" cy="225703"/>
    <xdr:sp macro="" textlink="">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5" name="直線コネクタ 164">
          <a:extLst>
            <a:ext uri="{FF2B5EF4-FFF2-40B4-BE49-F238E27FC236}">
              <a16:creationId xmlns:a16="http://schemas.microsoft.com/office/drawing/2014/main" id="{00000000-0008-0000-0400-0000A5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9" name="扶助費グラフ枠">
          <a:extLst>
            <a:ext uri="{FF2B5EF4-FFF2-40B4-BE49-F238E27FC236}">
              <a16:creationId xmlns:a16="http://schemas.microsoft.com/office/drawing/2014/main" id="{00000000-0008-0000-0400-0000B3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0</xdr:row>
      <xdr:rowOff>10795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flipV="1">
          <a:off x="4826000" y="902335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80027</xdr:rowOff>
    </xdr:from>
    <xdr:ext cx="762000" cy="259045"/>
    <xdr:sp macro="" textlink="">
      <xdr:nvSpPr>
        <xdr:cNvPr id="181" name="扶助費最小値テキスト">
          <a:extLst>
            <a:ext uri="{FF2B5EF4-FFF2-40B4-BE49-F238E27FC236}">
              <a16:creationId xmlns:a16="http://schemas.microsoft.com/office/drawing/2014/main" id="{00000000-0008-0000-0400-0000B5000000}"/>
            </a:ext>
          </a:extLst>
        </xdr:cNvPr>
        <xdr:cNvSpPr txBox="1"/>
      </xdr:nvSpPr>
      <xdr:spPr>
        <a:xfrm>
          <a:off x="4914900" y="10367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07950</xdr:rowOff>
    </xdr:from>
    <xdr:to>
      <xdr:col>24</xdr:col>
      <xdr:colOff>114300</xdr:colOff>
      <xdr:row>60</xdr:row>
      <xdr:rowOff>10795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4737100" y="10394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3" name="扶助費最大値テキスト">
          <a:extLst>
            <a:ext uri="{FF2B5EF4-FFF2-40B4-BE49-F238E27FC236}">
              <a16:creationId xmlns:a16="http://schemas.microsoft.com/office/drawing/2014/main" id="{00000000-0008-0000-0400-0000B7000000}"/>
            </a:ext>
          </a:extLst>
        </xdr:cNvPr>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88900</xdr:rowOff>
    </xdr:from>
    <xdr:to>
      <xdr:col>24</xdr:col>
      <xdr:colOff>25400</xdr:colOff>
      <xdr:row>56</xdr:row>
      <xdr:rowOff>127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flipV="1">
          <a:off x="3987800" y="9518650"/>
          <a:ext cx="8382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54627</xdr:rowOff>
    </xdr:from>
    <xdr:ext cx="762000" cy="259045"/>
    <xdr:sp macro="" textlink="">
      <xdr:nvSpPr>
        <xdr:cNvPr id="186" name="扶助費平均値テキスト">
          <a:extLst>
            <a:ext uri="{FF2B5EF4-FFF2-40B4-BE49-F238E27FC236}">
              <a16:creationId xmlns:a16="http://schemas.microsoft.com/office/drawing/2014/main" id="{00000000-0008-0000-0400-0000BA000000}"/>
            </a:ext>
          </a:extLst>
        </xdr:cNvPr>
        <xdr:cNvSpPr txBox="1"/>
      </xdr:nvSpPr>
      <xdr:spPr>
        <a:xfrm>
          <a:off x="4914900" y="9312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38100</xdr:rowOff>
    </xdr:from>
    <xdr:to>
      <xdr:col>24</xdr:col>
      <xdr:colOff>76200</xdr:colOff>
      <xdr:row>55</xdr:row>
      <xdr:rowOff>139700</xdr:rowOff>
    </xdr:to>
    <xdr:sp macro="" textlink="">
      <xdr:nvSpPr>
        <xdr:cNvPr id="187" name="フローチャート: 判断 186">
          <a:extLst>
            <a:ext uri="{FF2B5EF4-FFF2-40B4-BE49-F238E27FC236}">
              <a16:creationId xmlns:a16="http://schemas.microsoft.com/office/drawing/2014/main" id="{00000000-0008-0000-0400-0000BB000000}"/>
            </a:ext>
          </a:extLst>
        </xdr:cNvPr>
        <xdr:cNvSpPr/>
      </xdr:nvSpPr>
      <xdr:spPr>
        <a:xfrm>
          <a:off x="4775200" y="946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27000</xdr:rowOff>
    </xdr:from>
    <xdr:to>
      <xdr:col>19</xdr:col>
      <xdr:colOff>187325</xdr:colOff>
      <xdr:row>56</xdr:row>
      <xdr:rowOff>1270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a:off x="3098800" y="93853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33350</xdr:rowOff>
    </xdr:from>
    <xdr:to>
      <xdr:col>20</xdr:col>
      <xdr:colOff>38100</xdr:colOff>
      <xdr:row>56</xdr:row>
      <xdr:rowOff>63500</xdr:rowOff>
    </xdr:to>
    <xdr:sp macro="" textlink="">
      <xdr:nvSpPr>
        <xdr:cNvPr id="189" name="フローチャート: 判断 188">
          <a:extLst>
            <a:ext uri="{FF2B5EF4-FFF2-40B4-BE49-F238E27FC236}">
              <a16:creationId xmlns:a16="http://schemas.microsoft.com/office/drawing/2014/main" id="{00000000-0008-0000-0400-0000BD000000}"/>
            </a:ext>
          </a:extLst>
        </xdr:cNvPr>
        <xdr:cNvSpPr/>
      </xdr:nvSpPr>
      <xdr:spPr>
        <a:xfrm>
          <a:off x="3937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73677</xdr:rowOff>
    </xdr:from>
    <xdr:ext cx="736600" cy="259045"/>
    <xdr:sp macro="" textlink="">
      <xdr:nvSpPr>
        <xdr:cNvPr id="190" name="テキスト ボックス 189">
          <a:extLst>
            <a:ext uri="{FF2B5EF4-FFF2-40B4-BE49-F238E27FC236}">
              <a16:creationId xmlns:a16="http://schemas.microsoft.com/office/drawing/2014/main" id="{00000000-0008-0000-0400-0000BE000000}"/>
            </a:ext>
          </a:extLst>
        </xdr:cNvPr>
        <xdr:cNvSpPr txBox="1"/>
      </xdr:nvSpPr>
      <xdr:spPr>
        <a:xfrm>
          <a:off x="3606800" y="933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88900</xdr:rowOff>
    </xdr:from>
    <xdr:to>
      <xdr:col>15</xdr:col>
      <xdr:colOff>98425</xdr:colOff>
      <xdr:row>54</xdr:row>
      <xdr:rowOff>12700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2209800" y="93472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76200</xdr:rowOff>
    </xdr:from>
    <xdr:to>
      <xdr:col>15</xdr:col>
      <xdr:colOff>149225</xdr:colOff>
      <xdr:row>57</xdr:row>
      <xdr:rowOff>635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048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62577</xdr:rowOff>
    </xdr:from>
    <xdr:ext cx="7620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2717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88900</xdr:rowOff>
    </xdr:from>
    <xdr:to>
      <xdr:col>11</xdr:col>
      <xdr:colOff>9525</xdr:colOff>
      <xdr:row>54</xdr:row>
      <xdr:rowOff>10795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flipV="1">
          <a:off x="1320800" y="93472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76200</xdr:rowOff>
    </xdr:from>
    <xdr:to>
      <xdr:col>11</xdr:col>
      <xdr:colOff>60325</xdr:colOff>
      <xdr:row>57</xdr:row>
      <xdr:rowOff>635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2159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6257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1828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0</xdr:rowOff>
    </xdr:from>
    <xdr:to>
      <xdr:col>6</xdr:col>
      <xdr:colOff>171450</xdr:colOff>
      <xdr:row>56</xdr:row>
      <xdr:rowOff>10160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1270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863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939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38100</xdr:rowOff>
    </xdr:from>
    <xdr:to>
      <xdr:col>24</xdr:col>
      <xdr:colOff>76200</xdr:colOff>
      <xdr:row>55</xdr:row>
      <xdr:rowOff>139700</xdr:rowOff>
    </xdr:to>
    <xdr:sp macro="" textlink="">
      <xdr:nvSpPr>
        <xdr:cNvPr id="204" name="楕円 203">
          <a:extLst>
            <a:ext uri="{FF2B5EF4-FFF2-40B4-BE49-F238E27FC236}">
              <a16:creationId xmlns:a16="http://schemas.microsoft.com/office/drawing/2014/main" id="{00000000-0008-0000-0400-0000CC000000}"/>
            </a:ext>
          </a:extLst>
        </xdr:cNvPr>
        <xdr:cNvSpPr/>
      </xdr:nvSpPr>
      <xdr:spPr>
        <a:xfrm>
          <a:off x="4775200" y="9467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0177</xdr:rowOff>
    </xdr:from>
    <xdr:ext cx="762000" cy="259045"/>
    <xdr:sp macro="" textlink="">
      <xdr:nvSpPr>
        <xdr:cNvPr id="205" name="扶助費該当値テキスト">
          <a:extLst>
            <a:ext uri="{FF2B5EF4-FFF2-40B4-BE49-F238E27FC236}">
              <a16:creationId xmlns:a16="http://schemas.microsoft.com/office/drawing/2014/main" id="{00000000-0008-0000-0400-0000CD000000}"/>
            </a:ext>
          </a:extLst>
        </xdr:cNvPr>
        <xdr:cNvSpPr txBox="1"/>
      </xdr:nvSpPr>
      <xdr:spPr>
        <a:xfrm>
          <a:off x="4914900" y="9439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33350</xdr:rowOff>
    </xdr:from>
    <xdr:to>
      <xdr:col>20</xdr:col>
      <xdr:colOff>38100</xdr:colOff>
      <xdr:row>56</xdr:row>
      <xdr:rowOff>63500</xdr:rowOff>
    </xdr:to>
    <xdr:sp macro="" textlink="">
      <xdr:nvSpPr>
        <xdr:cNvPr id="206" name="楕円 205">
          <a:extLst>
            <a:ext uri="{FF2B5EF4-FFF2-40B4-BE49-F238E27FC236}">
              <a16:creationId xmlns:a16="http://schemas.microsoft.com/office/drawing/2014/main" id="{00000000-0008-0000-0400-0000CE000000}"/>
            </a:ext>
          </a:extLst>
        </xdr:cNvPr>
        <xdr:cNvSpPr/>
      </xdr:nvSpPr>
      <xdr:spPr>
        <a:xfrm>
          <a:off x="3937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48277</xdr:rowOff>
    </xdr:from>
    <xdr:ext cx="7366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606800" y="9649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76200</xdr:rowOff>
    </xdr:from>
    <xdr:to>
      <xdr:col>15</xdr:col>
      <xdr:colOff>149225</xdr:colOff>
      <xdr:row>55</xdr:row>
      <xdr:rowOff>6350</xdr:rowOff>
    </xdr:to>
    <xdr:sp macro="" textlink="">
      <xdr:nvSpPr>
        <xdr:cNvPr id="208" name="楕円 207">
          <a:extLst>
            <a:ext uri="{FF2B5EF4-FFF2-40B4-BE49-F238E27FC236}">
              <a16:creationId xmlns:a16="http://schemas.microsoft.com/office/drawing/2014/main" id="{00000000-0008-0000-0400-0000D0000000}"/>
            </a:ext>
          </a:extLst>
        </xdr:cNvPr>
        <xdr:cNvSpPr/>
      </xdr:nvSpPr>
      <xdr:spPr>
        <a:xfrm>
          <a:off x="3048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652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2717800" y="910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38100</xdr:rowOff>
    </xdr:from>
    <xdr:to>
      <xdr:col>11</xdr:col>
      <xdr:colOff>60325</xdr:colOff>
      <xdr:row>54</xdr:row>
      <xdr:rowOff>139700</xdr:rowOff>
    </xdr:to>
    <xdr:sp macro="" textlink="">
      <xdr:nvSpPr>
        <xdr:cNvPr id="210" name="楕円 209">
          <a:extLst>
            <a:ext uri="{FF2B5EF4-FFF2-40B4-BE49-F238E27FC236}">
              <a16:creationId xmlns:a16="http://schemas.microsoft.com/office/drawing/2014/main" id="{00000000-0008-0000-0400-0000D2000000}"/>
            </a:ext>
          </a:extLst>
        </xdr:cNvPr>
        <xdr:cNvSpPr/>
      </xdr:nvSpPr>
      <xdr:spPr>
        <a:xfrm>
          <a:off x="2159000" y="929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2</xdr:row>
      <xdr:rowOff>1498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828800" y="906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57150</xdr:rowOff>
    </xdr:from>
    <xdr:to>
      <xdr:col>6</xdr:col>
      <xdr:colOff>171450</xdr:colOff>
      <xdr:row>54</xdr:row>
      <xdr:rowOff>158750</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12700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168927</xdr:rowOff>
    </xdr:from>
    <xdr:ext cx="762000" cy="25904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939800" y="908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その他に係る経常収支比率は類似団体平均を上回っているが、全国平均とはほぼ同ポイントとなっており、前年度と比較しその割合は縮ま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経常一般財源等として交付税の増加が主な要因と考えられる。</a:t>
          </a:r>
        </a:p>
      </xdr:txBody>
    </xdr:sp>
    <xdr:clientData/>
  </xdr:twoCellAnchor>
  <xdr:oneCellAnchor>
    <xdr:from>
      <xdr:col>62</xdr:col>
      <xdr:colOff>6350</xdr:colOff>
      <xdr:row>49</xdr:row>
      <xdr:rowOff>107950</xdr:rowOff>
    </xdr:from>
    <xdr:ext cx="298543" cy="225703"/>
    <xdr:sp macro="" textlink="">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a:extLst>
            <a:ext uri="{FF2B5EF4-FFF2-40B4-BE49-F238E27FC236}">
              <a16:creationId xmlns:a16="http://schemas.microsoft.com/office/drawing/2014/main" id="{00000000-0008-0000-0400-0000E2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69850</xdr:rowOff>
    </xdr:from>
    <xdr:to>
      <xdr:col>85</xdr:col>
      <xdr:colOff>66675</xdr:colOff>
      <xdr:row>61</xdr:row>
      <xdr:rowOff>69850</xdr:rowOff>
    </xdr:to>
    <xdr:cxnSp macro="">
      <xdr:nvCxnSpPr>
        <xdr:cNvPr id="228" name="直線コネクタ 227">
          <a:extLst>
            <a:ext uri="{FF2B5EF4-FFF2-40B4-BE49-F238E27FC236}">
              <a16:creationId xmlns:a16="http://schemas.microsoft.com/office/drawing/2014/main" id="{00000000-0008-0000-0400-0000E4000000}"/>
            </a:ext>
          </a:extLst>
        </xdr:cNvPr>
        <xdr:cNvCxnSpPr/>
      </xdr:nvCxnSpPr>
      <xdr:spPr>
        <a:xfrm>
          <a:off x="12446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0</xdr:row>
      <xdr:rowOff>99077</xdr:rowOff>
    </xdr:from>
    <xdr:ext cx="508000" cy="259045"/>
    <xdr:sp macro="" textlink="">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1938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127000</xdr:rowOff>
    </xdr:from>
    <xdr:to>
      <xdr:col>85</xdr:col>
      <xdr:colOff>66675</xdr:colOff>
      <xdr:row>58</xdr:row>
      <xdr:rowOff>127000</xdr:rowOff>
    </xdr:to>
    <xdr:cxnSp macro="">
      <xdr:nvCxnSpPr>
        <xdr:cNvPr id="230" name="直線コネクタ 229">
          <a:extLst>
            <a:ext uri="{FF2B5EF4-FFF2-40B4-BE49-F238E27FC236}">
              <a16:creationId xmlns:a16="http://schemas.microsoft.com/office/drawing/2014/main" id="{00000000-0008-0000-0400-0000E6000000}"/>
            </a:ext>
          </a:extLst>
        </xdr:cNvPr>
        <xdr:cNvCxnSpPr/>
      </xdr:nvCxnSpPr>
      <xdr:spPr>
        <a:xfrm>
          <a:off x="12446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156227</xdr:rowOff>
    </xdr:from>
    <xdr:ext cx="508000" cy="259045"/>
    <xdr:sp macro="" textlink="">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1938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12700</xdr:rowOff>
    </xdr:from>
    <xdr:to>
      <xdr:col>85</xdr:col>
      <xdr:colOff>66675</xdr:colOff>
      <xdr:row>56</xdr:row>
      <xdr:rowOff>12700</xdr:rowOff>
    </xdr:to>
    <xdr:cxnSp macro="">
      <xdr:nvCxnSpPr>
        <xdr:cNvPr id="232" name="直線コネクタ 231">
          <a:extLst>
            <a:ext uri="{FF2B5EF4-FFF2-40B4-BE49-F238E27FC236}">
              <a16:creationId xmlns:a16="http://schemas.microsoft.com/office/drawing/2014/main" id="{00000000-0008-0000-0400-0000E8000000}"/>
            </a:ext>
          </a:extLst>
        </xdr:cNvPr>
        <xdr:cNvCxnSpPr/>
      </xdr:nvCxnSpPr>
      <xdr:spPr>
        <a:xfrm>
          <a:off x="12446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41927</xdr:rowOff>
    </xdr:from>
    <xdr:ext cx="508000" cy="259045"/>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1938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3</xdr:row>
      <xdr:rowOff>69850</xdr:rowOff>
    </xdr:from>
    <xdr:to>
      <xdr:col>85</xdr:col>
      <xdr:colOff>66675</xdr:colOff>
      <xdr:row>53</xdr:row>
      <xdr:rowOff>6985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9907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8" name="その他グラフ枠">
          <a:extLst>
            <a:ext uri="{FF2B5EF4-FFF2-40B4-BE49-F238E27FC236}">
              <a16:creationId xmlns:a16="http://schemas.microsoft.com/office/drawing/2014/main" id="{00000000-0008-0000-0400-0000EE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33274</xdr:rowOff>
    </xdr:from>
    <xdr:to>
      <xdr:col>82</xdr:col>
      <xdr:colOff>107950</xdr:colOff>
      <xdr:row>61</xdr:row>
      <xdr:rowOff>16129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flipV="1">
          <a:off x="16510000" y="9120124"/>
          <a:ext cx="0" cy="1499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33367</xdr:rowOff>
    </xdr:from>
    <xdr:ext cx="762000" cy="259045"/>
    <xdr:sp macro="" textlink="">
      <xdr:nvSpPr>
        <xdr:cNvPr id="240" name="その他最小値テキスト">
          <a:extLst>
            <a:ext uri="{FF2B5EF4-FFF2-40B4-BE49-F238E27FC236}">
              <a16:creationId xmlns:a16="http://schemas.microsoft.com/office/drawing/2014/main" id="{00000000-0008-0000-0400-0000F0000000}"/>
            </a:ext>
          </a:extLst>
        </xdr:cNvPr>
        <xdr:cNvSpPr txBox="1"/>
      </xdr:nvSpPr>
      <xdr:spPr>
        <a:xfrm>
          <a:off x="16598900" y="10591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61290</xdr:rowOff>
    </xdr:from>
    <xdr:to>
      <xdr:col>82</xdr:col>
      <xdr:colOff>196850</xdr:colOff>
      <xdr:row>61</xdr:row>
      <xdr:rowOff>16129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6421100" y="10619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19651</xdr:rowOff>
    </xdr:from>
    <xdr:ext cx="762000" cy="259045"/>
    <xdr:sp macro="" textlink="">
      <xdr:nvSpPr>
        <xdr:cNvPr id="242" name="その他最大値テキスト">
          <a:extLst>
            <a:ext uri="{FF2B5EF4-FFF2-40B4-BE49-F238E27FC236}">
              <a16:creationId xmlns:a16="http://schemas.microsoft.com/office/drawing/2014/main" id="{00000000-0008-0000-0400-0000F2000000}"/>
            </a:ext>
          </a:extLst>
        </xdr:cNvPr>
        <xdr:cNvSpPr txBox="1"/>
      </xdr:nvSpPr>
      <xdr:spPr>
        <a:xfrm>
          <a:off x="16598900" y="8863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33274</xdr:rowOff>
    </xdr:from>
    <xdr:to>
      <xdr:col>82</xdr:col>
      <xdr:colOff>196850</xdr:colOff>
      <xdr:row>53</xdr:row>
      <xdr:rowOff>33274</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421100" y="9120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99568</xdr:rowOff>
    </xdr:from>
    <xdr:to>
      <xdr:col>82</xdr:col>
      <xdr:colOff>107950</xdr:colOff>
      <xdr:row>60</xdr:row>
      <xdr:rowOff>40132</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flipV="1">
          <a:off x="15671800" y="10043668"/>
          <a:ext cx="838200" cy="283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70451</xdr:rowOff>
    </xdr:from>
    <xdr:ext cx="762000" cy="259045"/>
    <xdr:sp macro="" textlink="">
      <xdr:nvSpPr>
        <xdr:cNvPr id="245" name="その他平均値テキスト">
          <a:extLst>
            <a:ext uri="{FF2B5EF4-FFF2-40B4-BE49-F238E27FC236}">
              <a16:creationId xmlns:a16="http://schemas.microsoft.com/office/drawing/2014/main" id="{00000000-0008-0000-0400-0000F5000000}"/>
            </a:ext>
          </a:extLst>
        </xdr:cNvPr>
        <xdr:cNvSpPr txBox="1"/>
      </xdr:nvSpPr>
      <xdr:spPr>
        <a:xfrm>
          <a:off x="16598900" y="9600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3924</xdr:rowOff>
    </xdr:from>
    <xdr:to>
      <xdr:col>82</xdr:col>
      <xdr:colOff>158750</xdr:colOff>
      <xdr:row>57</xdr:row>
      <xdr:rowOff>84074</xdr:rowOff>
    </xdr:to>
    <xdr:sp macro="" textlink="">
      <xdr:nvSpPr>
        <xdr:cNvPr id="246" name="フローチャート: 判断 245">
          <a:extLst>
            <a:ext uri="{FF2B5EF4-FFF2-40B4-BE49-F238E27FC236}">
              <a16:creationId xmlns:a16="http://schemas.microsoft.com/office/drawing/2014/main" id="{00000000-0008-0000-0400-0000F6000000}"/>
            </a:ext>
          </a:extLst>
        </xdr:cNvPr>
        <xdr:cNvSpPr/>
      </xdr:nvSpPr>
      <xdr:spPr>
        <a:xfrm>
          <a:off x="16459200" y="9755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0</xdr:row>
      <xdr:rowOff>12700</xdr:rowOff>
    </xdr:from>
    <xdr:to>
      <xdr:col>78</xdr:col>
      <xdr:colOff>69850</xdr:colOff>
      <xdr:row>60</xdr:row>
      <xdr:rowOff>40132</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4782800" y="1029970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10490</xdr:rowOff>
    </xdr:from>
    <xdr:to>
      <xdr:col>78</xdr:col>
      <xdr:colOff>120650</xdr:colOff>
      <xdr:row>58</xdr:row>
      <xdr:rowOff>4064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5621000" y="9883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50817</xdr:rowOff>
    </xdr:from>
    <xdr:ext cx="736600" cy="259045"/>
    <xdr:sp macro="" textlink="">
      <xdr:nvSpPr>
        <xdr:cNvPr id="249" name="テキスト ボックス 248">
          <a:extLst>
            <a:ext uri="{FF2B5EF4-FFF2-40B4-BE49-F238E27FC236}">
              <a16:creationId xmlns:a16="http://schemas.microsoft.com/office/drawing/2014/main" id="{00000000-0008-0000-0400-0000F9000000}"/>
            </a:ext>
          </a:extLst>
        </xdr:cNvPr>
        <xdr:cNvSpPr txBox="1"/>
      </xdr:nvSpPr>
      <xdr:spPr>
        <a:xfrm>
          <a:off x="15290800" y="9652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156718</xdr:rowOff>
    </xdr:from>
    <xdr:to>
      <xdr:col>73</xdr:col>
      <xdr:colOff>180975</xdr:colOff>
      <xdr:row>60</xdr:row>
      <xdr:rowOff>1270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3893800" y="1027226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47066</xdr:rowOff>
    </xdr:from>
    <xdr:to>
      <xdr:col>74</xdr:col>
      <xdr:colOff>31750</xdr:colOff>
      <xdr:row>58</xdr:row>
      <xdr:rowOff>77216</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4732000" y="9919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87393</xdr:rowOff>
    </xdr:from>
    <xdr:ext cx="7620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4401800" y="9688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156718</xdr:rowOff>
    </xdr:from>
    <xdr:to>
      <xdr:col>69</xdr:col>
      <xdr:colOff>92075</xdr:colOff>
      <xdr:row>60</xdr:row>
      <xdr:rowOff>1270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flipV="1">
          <a:off x="13004800" y="1027226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47066</xdr:rowOff>
    </xdr:from>
    <xdr:to>
      <xdr:col>69</xdr:col>
      <xdr:colOff>142875</xdr:colOff>
      <xdr:row>58</xdr:row>
      <xdr:rowOff>77216</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3843000" y="9919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87393</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3512800" y="9688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37922</xdr:rowOff>
    </xdr:from>
    <xdr:to>
      <xdr:col>65</xdr:col>
      <xdr:colOff>53975</xdr:colOff>
      <xdr:row>58</xdr:row>
      <xdr:rowOff>68072</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2954000" y="9910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78249</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2623800" y="9679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48768</xdr:rowOff>
    </xdr:from>
    <xdr:to>
      <xdr:col>82</xdr:col>
      <xdr:colOff>158750</xdr:colOff>
      <xdr:row>58</xdr:row>
      <xdr:rowOff>150368</xdr:rowOff>
    </xdr:to>
    <xdr:sp macro="" textlink="">
      <xdr:nvSpPr>
        <xdr:cNvPr id="263" name="楕円 262">
          <a:extLst>
            <a:ext uri="{FF2B5EF4-FFF2-40B4-BE49-F238E27FC236}">
              <a16:creationId xmlns:a16="http://schemas.microsoft.com/office/drawing/2014/main" id="{00000000-0008-0000-0400-000007010000}"/>
            </a:ext>
          </a:extLst>
        </xdr:cNvPr>
        <xdr:cNvSpPr/>
      </xdr:nvSpPr>
      <xdr:spPr>
        <a:xfrm>
          <a:off x="16459200" y="9992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20845</xdr:rowOff>
    </xdr:from>
    <xdr:ext cx="762000" cy="259045"/>
    <xdr:sp macro="" textlink="">
      <xdr:nvSpPr>
        <xdr:cNvPr id="264" name="その他該当値テキスト">
          <a:extLst>
            <a:ext uri="{FF2B5EF4-FFF2-40B4-BE49-F238E27FC236}">
              <a16:creationId xmlns:a16="http://schemas.microsoft.com/office/drawing/2014/main" id="{00000000-0008-0000-0400-000008010000}"/>
            </a:ext>
          </a:extLst>
        </xdr:cNvPr>
        <xdr:cNvSpPr txBox="1"/>
      </xdr:nvSpPr>
      <xdr:spPr>
        <a:xfrm>
          <a:off x="16598900" y="9964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9</xdr:row>
      <xdr:rowOff>160782</xdr:rowOff>
    </xdr:from>
    <xdr:to>
      <xdr:col>78</xdr:col>
      <xdr:colOff>120650</xdr:colOff>
      <xdr:row>60</xdr:row>
      <xdr:rowOff>90932</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5621000" y="10276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75709</xdr:rowOff>
    </xdr:from>
    <xdr:ext cx="7366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290800" y="103627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33350</xdr:rowOff>
    </xdr:from>
    <xdr:to>
      <xdr:col>74</xdr:col>
      <xdr:colOff>31750</xdr:colOff>
      <xdr:row>60</xdr:row>
      <xdr:rowOff>6350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4732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482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4401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105918</xdr:rowOff>
    </xdr:from>
    <xdr:to>
      <xdr:col>69</xdr:col>
      <xdr:colOff>142875</xdr:colOff>
      <xdr:row>60</xdr:row>
      <xdr:rowOff>36068</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3843000" y="10221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20845</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3512800" y="1030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33350</xdr:rowOff>
    </xdr:from>
    <xdr:to>
      <xdr:col>65</xdr:col>
      <xdr:colOff>53975</xdr:colOff>
      <xdr:row>60</xdr:row>
      <xdr:rowOff>63500</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2954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482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2623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3" name="正方形/長方形 272">
          <a:extLst>
            <a:ext uri="{FF2B5EF4-FFF2-40B4-BE49-F238E27FC236}">
              <a16:creationId xmlns:a16="http://schemas.microsoft.com/office/drawing/2014/main" id="{00000000-0008-0000-0400-000011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4" name="正方形/長方形 273">
          <a:extLst>
            <a:ext uri="{FF2B5EF4-FFF2-40B4-BE49-F238E27FC236}">
              <a16:creationId xmlns:a16="http://schemas.microsoft.com/office/drawing/2014/main" id="{00000000-0008-0000-0400-000012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経常収支比率は類似団体平均と比較し、過年度より継続して高い状態で推移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補助費等全体としては、制度によるものが多くある中で、抑制できるものを効率的に抑制し割合を下げていく必要がある。</a:t>
          </a:r>
        </a:p>
      </xdr:txBody>
    </xdr:sp>
    <xdr:clientData/>
  </xdr:twoCellAnchor>
  <xdr:oneCellAnchor>
    <xdr:from>
      <xdr:col>62</xdr:col>
      <xdr:colOff>6350</xdr:colOff>
      <xdr:row>29</xdr:row>
      <xdr:rowOff>107950</xdr:rowOff>
    </xdr:from>
    <xdr:ext cx="298543" cy="225703"/>
    <xdr:sp macro="" textlink="">
      <xdr:nvSpPr>
        <xdr:cNvPr id="284" name="テキスト ボックス 283">
          <a:extLst>
            <a:ext uri="{FF2B5EF4-FFF2-40B4-BE49-F238E27FC236}">
              <a16:creationId xmlns:a16="http://schemas.microsoft.com/office/drawing/2014/main" id="{00000000-0008-0000-0400-00001C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5" name="直線コネクタ 284">
          <a:extLst>
            <a:ext uri="{FF2B5EF4-FFF2-40B4-BE49-F238E27FC236}">
              <a16:creationId xmlns:a16="http://schemas.microsoft.com/office/drawing/2014/main" id="{00000000-0008-0000-0400-00001D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6" name="補助費等グラフ枠">
          <a:extLst>
            <a:ext uri="{FF2B5EF4-FFF2-40B4-BE49-F238E27FC236}">
              <a16:creationId xmlns:a16="http://schemas.microsoft.com/office/drawing/2014/main" id="{00000000-0008-0000-0400-000028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56718</xdr:rowOff>
    </xdr:from>
    <xdr:to>
      <xdr:col>82</xdr:col>
      <xdr:colOff>107950</xdr:colOff>
      <xdr:row>40</xdr:row>
      <xdr:rowOff>40132</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flipV="1">
          <a:off x="16510000" y="5814568"/>
          <a:ext cx="0" cy="10835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209</xdr:rowOff>
    </xdr:from>
    <xdr:ext cx="762000" cy="259045"/>
    <xdr:sp macro="" textlink="">
      <xdr:nvSpPr>
        <xdr:cNvPr id="298" name="補助費等最小値テキスト">
          <a:extLst>
            <a:ext uri="{FF2B5EF4-FFF2-40B4-BE49-F238E27FC236}">
              <a16:creationId xmlns:a16="http://schemas.microsoft.com/office/drawing/2014/main" id="{00000000-0008-0000-0400-00002A010000}"/>
            </a:ext>
          </a:extLst>
        </xdr:cNvPr>
        <xdr:cNvSpPr txBox="1"/>
      </xdr:nvSpPr>
      <xdr:spPr>
        <a:xfrm>
          <a:off x="16598900" y="6870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40132</xdr:rowOff>
    </xdr:from>
    <xdr:to>
      <xdr:col>82</xdr:col>
      <xdr:colOff>196850</xdr:colOff>
      <xdr:row>40</xdr:row>
      <xdr:rowOff>40132</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a:off x="16421100" y="6898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71645</xdr:rowOff>
    </xdr:from>
    <xdr:ext cx="762000" cy="259045"/>
    <xdr:sp macro="" textlink="">
      <xdr:nvSpPr>
        <xdr:cNvPr id="300" name="補助費等最大値テキスト">
          <a:extLst>
            <a:ext uri="{FF2B5EF4-FFF2-40B4-BE49-F238E27FC236}">
              <a16:creationId xmlns:a16="http://schemas.microsoft.com/office/drawing/2014/main" id="{00000000-0008-0000-0400-00002C010000}"/>
            </a:ext>
          </a:extLst>
        </xdr:cNvPr>
        <xdr:cNvSpPr txBox="1"/>
      </xdr:nvSpPr>
      <xdr:spPr>
        <a:xfrm>
          <a:off x="16598900" y="5558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56718</xdr:rowOff>
    </xdr:from>
    <xdr:to>
      <xdr:col>82</xdr:col>
      <xdr:colOff>196850</xdr:colOff>
      <xdr:row>33</xdr:row>
      <xdr:rowOff>156718</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421100" y="5814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65862</xdr:rowOff>
    </xdr:from>
    <xdr:to>
      <xdr:col>82</xdr:col>
      <xdr:colOff>107950</xdr:colOff>
      <xdr:row>38</xdr:row>
      <xdr:rowOff>72136</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flipV="1">
          <a:off x="15671800" y="6509512"/>
          <a:ext cx="8382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70451</xdr:rowOff>
    </xdr:from>
    <xdr:ext cx="762000" cy="259045"/>
    <xdr:sp macro="" textlink="">
      <xdr:nvSpPr>
        <xdr:cNvPr id="303" name="補助費等平均値テキスト">
          <a:extLst>
            <a:ext uri="{FF2B5EF4-FFF2-40B4-BE49-F238E27FC236}">
              <a16:creationId xmlns:a16="http://schemas.microsoft.com/office/drawing/2014/main" id="{00000000-0008-0000-0400-00002F010000}"/>
            </a:ext>
          </a:extLst>
        </xdr:cNvPr>
        <xdr:cNvSpPr txBox="1"/>
      </xdr:nvSpPr>
      <xdr:spPr>
        <a:xfrm>
          <a:off x="16598900" y="6171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53924</xdr:rowOff>
    </xdr:from>
    <xdr:to>
      <xdr:col>82</xdr:col>
      <xdr:colOff>158750</xdr:colOff>
      <xdr:row>37</xdr:row>
      <xdr:rowOff>84074</xdr:rowOff>
    </xdr:to>
    <xdr:sp macro="" textlink="">
      <xdr:nvSpPr>
        <xdr:cNvPr id="304" name="フローチャート: 判断 303">
          <a:extLst>
            <a:ext uri="{FF2B5EF4-FFF2-40B4-BE49-F238E27FC236}">
              <a16:creationId xmlns:a16="http://schemas.microsoft.com/office/drawing/2014/main" id="{00000000-0008-0000-0400-000030010000}"/>
            </a:ext>
          </a:extLst>
        </xdr:cNvPr>
        <xdr:cNvSpPr/>
      </xdr:nvSpPr>
      <xdr:spPr>
        <a:xfrm>
          <a:off x="164592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26416</xdr:rowOff>
    </xdr:from>
    <xdr:to>
      <xdr:col>78</xdr:col>
      <xdr:colOff>69850</xdr:colOff>
      <xdr:row>38</xdr:row>
      <xdr:rowOff>72136</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4782800" y="654151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51054</xdr:rowOff>
    </xdr:from>
    <xdr:to>
      <xdr:col>78</xdr:col>
      <xdr:colOff>120650</xdr:colOff>
      <xdr:row>37</xdr:row>
      <xdr:rowOff>152654</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5621000" y="6394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62831</xdr:rowOff>
    </xdr:from>
    <xdr:ext cx="7366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5290800" y="61635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26416</xdr:rowOff>
    </xdr:from>
    <xdr:to>
      <xdr:col>73</xdr:col>
      <xdr:colOff>180975</xdr:colOff>
      <xdr:row>38</xdr:row>
      <xdr:rowOff>62992</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3893800" y="654151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37338</xdr:rowOff>
    </xdr:from>
    <xdr:to>
      <xdr:col>74</xdr:col>
      <xdr:colOff>31750</xdr:colOff>
      <xdr:row>37</xdr:row>
      <xdr:rowOff>138938</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4732000" y="6380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49115</xdr:rowOff>
    </xdr:from>
    <xdr:ext cx="762000" cy="259045"/>
    <xdr:sp macro="" textlink="">
      <xdr:nvSpPr>
        <xdr:cNvPr id="310" name="テキスト ボックス 309">
          <a:extLst>
            <a:ext uri="{FF2B5EF4-FFF2-40B4-BE49-F238E27FC236}">
              <a16:creationId xmlns:a16="http://schemas.microsoft.com/office/drawing/2014/main" id="{00000000-0008-0000-0400-000036010000}"/>
            </a:ext>
          </a:extLst>
        </xdr:cNvPr>
        <xdr:cNvSpPr txBox="1"/>
      </xdr:nvSpPr>
      <xdr:spPr>
        <a:xfrm>
          <a:off x="14401800" y="6149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12700</xdr:rowOff>
    </xdr:from>
    <xdr:to>
      <xdr:col>69</xdr:col>
      <xdr:colOff>92075</xdr:colOff>
      <xdr:row>38</xdr:row>
      <xdr:rowOff>62992</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3004800" y="652780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9906</xdr:rowOff>
    </xdr:from>
    <xdr:to>
      <xdr:col>69</xdr:col>
      <xdr:colOff>142875</xdr:colOff>
      <xdr:row>37</xdr:row>
      <xdr:rowOff>111506</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3843000" y="63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21683</xdr:rowOff>
    </xdr:from>
    <xdr:ext cx="7620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3512800" y="6122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762</xdr:rowOff>
    </xdr:from>
    <xdr:to>
      <xdr:col>65</xdr:col>
      <xdr:colOff>53975</xdr:colOff>
      <xdr:row>37</xdr:row>
      <xdr:rowOff>102362</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2954000" y="6344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12539</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2623800" y="6113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15062</xdr:rowOff>
    </xdr:from>
    <xdr:to>
      <xdr:col>82</xdr:col>
      <xdr:colOff>158750</xdr:colOff>
      <xdr:row>38</xdr:row>
      <xdr:rowOff>45212</xdr:rowOff>
    </xdr:to>
    <xdr:sp macro="" textlink="">
      <xdr:nvSpPr>
        <xdr:cNvPr id="321" name="楕円 320">
          <a:extLst>
            <a:ext uri="{FF2B5EF4-FFF2-40B4-BE49-F238E27FC236}">
              <a16:creationId xmlns:a16="http://schemas.microsoft.com/office/drawing/2014/main" id="{00000000-0008-0000-0400-000041010000}"/>
            </a:ext>
          </a:extLst>
        </xdr:cNvPr>
        <xdr:cNvSpPr/>
      </xdr:nvSpPr>
      <xdr:spPr>
        <a:xfrm>
          <a:off x="16459200" y="6458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87139</xdr:rowOff>
    </xdr:from>
    <xdr:ext cx="762000" cy="259045"/>
    <xdr:sp macro="" textlink="">
      <xdr:nvSpPr>
        <xdr:cNvPr id="322" name="補助費等該当値テキスト">
          <a:extLst>
            <a:ext uri="{FF2B5EF4-FFF2-40B4-BE49-F238E27FC236}">
              <a16:creationId xmlns:a16="http://schemas.microsoft.com/office/drawing/2014/main" id="{00000000-0008-0000-0400-000042010000}"/>
            </a:ext>
          </a:extLst>
        </xdr:cNvPr>
        <xdr:cNvSpPr txBox="1"/>
      </xdr:nvSpPr>
      <xdr:spPr>
        <a:xfrm>
          <a:off x="16598900" y="6430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8</xdr:row>
      <xdr:rowOff>21336</xdr:rowOff>
    </xdr:from>
    <xdr:to>
      <xdr:col>78</xdr:col>
      <xdr:colOff>120650</xdr:colOff>
      <xdr:row>38</xdr:row>
      <xdr:rowOff>122936</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5621000" y="653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107713</xdr:rowOff>
    </xdr:from>
    <xdr:ext cx="7366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5290800" y="66228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147066</xdr:rowOff>
    </xdr:from>
    <xdr:to>
      <xdr:col>74</xdr:col>
      <xdr:colOff>31750</xdr:colOff>
      <xdr:row>38</xdr:row>
      <xdr:rowOff>77215</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4732000" y="649071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61993</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4401800" y="6577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12192</xdr:rowOff>
    </xdr:from>
    <xdr:to>
      <xdr:col>69</xdr:col>
      <xdr:colOff>142875</xdr:colOff>
      <xdr:row>38</xdr:row>
      <xdr:rowOff>113792</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3843000" y="6527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98569</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3512800" y="6613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33350</xdr:rowOff>
    </xdr:from>
    <xdr:to>
      <xdr:col>65</xdr:col>
      <xdr:colOff>53975</xdr:colOff>
      <xdr:row>38</xdr:row>
      <xdr:rowOff>63500</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2954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482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2623800" y="656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1" name="正方形/長方形 330">
          <a:extLst>
            <a:ext uri="{FF2B5EF4-FFF2-40B4-BE49-F238E27FC236}">
              <a16:creationId xmlns:a16="http://schemas.microsoft.com/office/drawing/2014/main" id="{00000000-0008-0000-0400-00004B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2" name="正方形/長方形 331">
          <a:extLst>
            <a:ext uri="{FF2B5EF4-FFF2-40B4-BE49-F238E27FC236}">
              <a16:creationId xmlns:a16="http://schemas.microsoft.com/office/drawing/2014/main" id="{00000000-0008-0000-0400-00004C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1" name="テキスト ボックス 340">
          <a:extLst>
            <a:ext uri="{FF2B5EF4-FFF2-40B4-BE49-F238E27FC236}">
              <a16:creationId xmlns:a16="http://schemas.microsoft.com/office/drawing/2014/main" id="{00000000-0008-0000-0400-000055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分の経常収支比率は類似団体平均と比較すると</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下回っているが、近年は増加傾向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臨時財政対策債や過疎債等の償還が多く見込まれ、また教育施設の改修計画も見込まれることから、実質公債費比率の上昇が考えられるため、今後の起債対象事業については、取捨選択を的確に実施し、財政の健全化に努めていく。</a:t>
          </a:r>
        </a:p>
      </xdr:txBody>
    </xdr:sp>
    <xdr:clientData/>
  </xdr:twoCellAnchor>
  <xdr:oneCellAnchor>
    <xdr:from>
      <xdr:col>3</xdr:col>
      <xdr:colOff>123825</xdr:colOff>
      <xdr:row>69</xdr:row>
      <xdr:rowOff>107950</xdr:rowOff>
    </xdr:from>
    <xdr:ext cx="298543" cy="225703"/>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3" name="直線コネクタ 342">
          <a:extLst>
            <a:ext uri="{FF2B5EF4-FFF2-40B4-BE49-F238E27FC236}">
              <a16:creationId xmlns:a16="http://schemas.microsoft.com/office/drawing/2014/main" id="{00000000-0008-0000-0400-000057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6" name="公債費グラフ枠">
          <a:extLst>
            <a:ext uri="{FF2B5EF4-FFF2-40B4-BE49-F238E27FC236}">
              <a16:creationId xmlns:a16="http://schemas.microsoft.com/office/drawing/2014/main" id="{00000000-0008-0000-0400-000064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9370</xdr:rowOff>
    </xdr:from>
    <xdr:to>
      <xdr:col>24</xdr:col>
      <xdr:colOff>25400</xdr:colOff>
      <xdr:row>80</xdr:row>
      <xdr:rowOff>1079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flipV="1">
          <a:off x="4826000" y="12555220"/>
          <a:ext cx="0" cy="12687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80027</xdr:rowOff>
    </xdr:from>
    <xdr:ext cx="762000" cy="259045"/>
    <xdr:sp macro="" textlink="">
      <xdr:nvSpPr>
        <xdr:cNvPr id="358" name="公債費最小値テキスト">
          <a:extLst>
            <a:ext uri="{FF2B5EF4-FFF2-40B4-BE49-F238E27FC236}">
              <a16:creationId xmlns:a16="http://schemas.microsoft.com/office/drawing/2014/main" id="{00000000-0008-0000-0400-000066010000}"/>
            </a:ext>
          </a:extLst>
        </xdr:cNvPr>
        <xdr:cNvSpPr txBox="1"/>
      </xdr:nvSpPr>
      <xdr:spPr>
        <a:xfrm>
          <a:off x="4914900" y="1379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07950</xdr:rowOff>
    </xdr:from>
    <xdr:to>
      <xdr:col>24</xdr:col>
      <xdr:colOff>114300</xdr:colOff>
      <xdr:row>80</xdr:row>
      <xdr:rowOff>1079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4737100" y="13823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25747</xdr:rowOff>
    </xdr:from>
    <xdr:ext cx="762000" cy="259045"/>
    <xdr:sp macro="" textlink="">
      <xdr:nvSpPr>
        <xdr:cNvPr id="360" name="公債費最大値テキスト">
          <a:extLst>
            <a:ext uri="{FF2B5EF4-FFF2-40B4-BE49-F238E27FC236}">
              <a16:creationId xmlns:a16="http://schemas.microsoft.com/office/drawing/2014/main" id="{00000000-0008-0000-0400-000068010000}"/>
            </a:ext>
          </a:extLst>
        </xdr:cNvPr>
        <xdr:cNvSpPr txBox="1"/>
      </xdr:nvSpPr>
      <xdr:spPr>
        <a:xfrm>
          <a:off x="4914900" y="1229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9370</xdr:rowOff>
    </xdr:from>
    <xdr:to>
      <xdr:col>24</xdr:col>
      <xdr:colOff>114300</xdr:colOff>
      <xdr:row>73</xdr:row>
      <xdr:rowOff>3937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37100" y="12555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46989</xdr:rowOff>
    </xdr:from>
    <xdr:to>
      <xdr:col>24</xdr:col>
      <xdr:colOff>25400</xdr:colOff>
      <xdr:row>76</xdr:row>
      <xdr:rowOff>66039</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flipV="1">
          <a:off x="3987800" y="13077189"/>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366</xdr:rowOff>
    </xdr:from>
    <xdr:ext cx="762000" cy="259045"/>
    <xdr:sp macro="" textlink="">
      <xdr:nvSpPr>
        <xdr:cNvPr id="363" name="公債費平均値テキスト">
          <a:extLst>
            <a:ext uri="{FF2B5EF4-FFF2-40B4-BE49-F238E27FC236}">
              <a16:creationId xmlns:a16="http://schemas.microsoft.com/office/drawing/2014/main" id="{00000000-0008-0000-0400-00006B010000}"/>
            </a:ext>
          </a:extLst>
        </xdr:cNvPr>
        <xdr:cNvSpPr txBox="1"/>
      </xdr:nvSpPr>
      <xdr:spPr>
        <a:xfrm>
          <a:off x="4914900" y="130365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4289</xdr:rowOff>
    </xdr:from>
    <xdr:to>
      <xdr:col>24</xdr:col>
      <xdr:colOff>76200</xdr:colOff>
      <xdr:row>76</xdr:row>
      <xdr:rowOff>135889</xdr:rowOff>
    </xdr:to>
    <xdr:sp macro="" textlink="">
      <xdr:nvSpPr>
        <xdr:cNvPr id="364" name="フローチャート: 判断 363">
          <a:extLst>
            <a:ext uri="{FF2B5EF4-FFF2-40B4-BE49-F238E27FC236}">
              <a16:creationId xmlns:a16="http://schemas.microsoft.com/office/drawing/2014/main" id="{00000000-0008-0000-0400-00006C010000}"/>
            </a:ext>
          </a:extLst>
        </xdr:cNvPr>
        <xdr:cNvSpPr/>
      </xdr:nvSpPr>
      <xdr:spPr>
        <a:xfrm>
          <a:off x="47752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35561</xdr:rowOff>
    </xdr:from>
    <xdr:to>
      <xdr:col>19</xdr:col>
      <xdr:colOff>187325</xdr:colOff>
      <xdr:row>76</xdr:row>
      <xdr:rowOff>66039</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3098800" y="13065761"/>
          <a:ext cx="889000" cy="3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34289</xdr:rowOff>
    </xdr:from>
    <xdr:to>
      <xdr:col>20</xdr:col>
      <xdr:colOff>38100</xdr:colOff>
      <xdr:row>76</xdr:row>
      <xdr:rowOff>135889</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39370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20666</xdr:rowOff>
    </xdr:from>
    <xdr:ext cx="736600" cy="259045"/>
    <xdr:sp macro="" textlink="">
      <xdr:nvSpPr>
        <xdr:cNvPr id="367" name="テキスト ボックス 366">
          <a:extLst>
            <a:ext uri="{FF2B5EF4-FFF2-40B4-BE49-F238E27FC236}">
              <a16:creationId xmlns:a16="http://schemas.microsoft.com/office/drawing/2014/main" id="{00000000-0008-0000-0400-00006F010000}"/>
            </a:ext>
          </a:extLst>
        </xdr:cNvPr>
        <xdr:cNvSpPr txBox="1"/>
      </xdr:nvSpPr>
      <xdr:spPr>
        <a:xfrm>
          <a:off x="3606800" y="131508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270</xdr:rowOff>
    </xdr:from>
    <xdr:to>
      <xdr:col>15</xdr:col>
      <xdr:colOff>98425</xdr:colOff>
      <xdr:row>76</xdr:row>
      <xdr:rowOff>35561</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2209800" y="1303147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45720</xdr:rowOff>
    </xdr:from>
    <xdr:to>
      <xdr:col>15</xdr:col>
      <xdr:colOff>149225</xdr:colOff>
      <xdr:row>76</xdr:row>
      <xdr:rowOff>147320</xdr:rowOff>
    </xdr:to>
    <xdr:sp macro="" textlink="">
      <xdr:nvSpPr>
        <xdr:cNvPr id="369" name="フローチャート: 判断 368">
          <a:extLst>
            <a:ext uri="{FF2B5EF4-FFF2-40B4-BE49-F238E27FC236}">
              <a16:creationId xmlns:a16="http://schemas.microsoft.com/office/drawing/2014/main" id="{00000000-0008-0000-0400-000071010000}"/>
            </a:ext>
          </a:extLst>
        </xdr:cNvPr>
        <xdr:cNvSpPr/>
      </xdr:nvSpPr>
      <xdr:spPr>
        <a:xfrm>
          <a:off x="3048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2097</xdr:rowOff>
    </xdr:from>
    <xdr:ext cx="7620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2717800" y="1316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15570</xdr:rowOff>
    </xdr:from>
    <xdr:to>
      <xdr:col>11</xdr:col>
      <xdr:colOff>9525</xdr:colOff>
      <xdr:row>76</xdr:row>
      <xdr:rowOff>127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1320800" y="1297432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68580</xdr:rowOff>
    </xdr:from>
    <xdr:to>
      <xdr:col>11</xdr:col>
      <xdr:colOff>60325</xdr:colOff>
      <xdr:row>76</xdr:row>
      <xdr:rowOff>170180</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2159000" y="13098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54957</xdr:rowOff>
    </xdr:from>
    <xdr:ext cx="762000" cy="259045"/>
    <xdr:sp macro="" textlink="">
      <xdr:nvSpPr>
        <xdr:cNvPr id="373" name="テキスト ボックス 372">
          <a:extLst>
            <a:ext uri="{FF2B5EF4-FFF2-40B4-BE49-F238E27FC236}">
              <a16:creationId xmlns:a16="http://schemas.microsoft.com/office/drawing/2014/main" id="{00000000-0008-0000-0400-000075010000}"/>
            </a:ext>
          </a:extLst>
        </xdr:cNvPr>
        <xdr:cNvSpPr txBox="1"/>
      </xdr:nvSpPr>
      <xdr:spPr>
        <a:xfrm>
          <a:off x="1828800" y="13185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64770</xdr:rowOff>
    </xdr:from>
    <xdr:to>
      <xdr:col>6</xdr:col>
      <xdr:colOff>171450</xdr:colOff>
      <xdr:row>76</xdr:row>
      <xdr:rowOff>16637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12700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5114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939800" y="13181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67639</xdr:rowOff>
    </xdr:from>
    <xdr:to>
      <xdr:col>24</xdr:col>
      <xdr:colOff>76200</xdr:colOff>
      <xdr:row>76</xdr:row>
      <xdr:rowOff>97789</xdr:rowOff>
    </xdr:to>
    <xdr:sp macro="" textlink="">
      <xdr:nvSpPr>
        <xdr:cNvPr id="381" name="楕円 380">
          <a:extLst>
            <a:ext uri="{FF2B5EF4-FFF2-40B4-BE49-F238E27FC236}">
              <a16:creationId xmlns:a16="http://schemas.microsoft.com/office/drawing/2014/main" id="{00000000-0008-0000-0400-00007D010000}"/>
            </a:ext>
          </a:extLst>
        </xdr:cNvPr>
        <xdr:cNvSpPr/>
      </xdr:nvSpPr>
      <xdr:spPr>
        <a:xfrm>
          <a:off x="4775200" y="13026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2717</xdr:rowOff>
    </xdr:from>
    <xdr:ext cx="762000" cy="259045"/>
    <xdr:sp macro="" textlink="">
      <xdr:nvSpPr>
        <xdr:cNvPr id="382" name="公債費該当値テキスト">
          <a:extLst>
            <a:ext uri="{FF2B5EF4-FFF2-40B4-BE49-F238E27FC236}">
              <a16:creationId xmlns:a16="http://schemas.microsoft.com/office/drawing/2014/main" id="{00000000-0008-0000-0400-00007E010000}"/>
            </a:ext>
          </a:extLst>
        </xdr:cNvPr>
        <xdr:cNvSpPr txBox="1"/>
      </xdr:nvSpPr>
      <xdr:spPr>
        <a:xfrm>
          <a:off x="4914900" y="12871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5239</xdr:rowOff>
    </xdr:from>
    <xdr:to>
      <xdr:col>20</xdr:col>
      <xdr:colOff>38100</xdr:colOff>
      <xdr:row>76</xdr:row>
      <xdr:rowOff>116839</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3937000" y="13045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27017</xdr:rowOff>
    </xdr:from>
    <xdr:ext cx="7366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3606800" y="12814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56211</xdr:rowOff>
    </xdr:from>
    <xdr:to>
      <xdr:col>15</xdr:col>
      <xdr:colOff>149225</xdr:colOff>
      <xdr:row>76</xdr:row>
      <xdr:rowOff>86361</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048000" y="13014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9653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717800" y="1278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21920</xdr:rowOff>
    </xdr:from>
    <xdr:to>
      <xdr:col>11</xdr:col>
      <xdr:colOff>60325</xdr:colOff>
      <xdr:row>76</xdr:row>
      <xdr:rowOff>52070</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2159000" y="12980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6224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828800" y="1274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64770</xdr:rowOff>
    </xdr:from>
    <xdr:to>
      <xdr:col>6</xdr:col>
      <xdr:colOff>171450</xdr:colOff>
      <xdr:row>75</xdr:row>
      <xdr:rowOff>166370</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12700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509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939800" y="1269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1" name="正方形/長方形 390">
          <a:extLst>
            <a:ext uri="{FF2B5EF4-FFF2-40B4-BE49-F238E27FC236}">
              <a16:creationId xmlns:a16="http://schemas.microsoft.com/office/drawing/2014/main" id="{00000000-0008-0000-0400-000087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2" name="正方形/長方形 391">
          <a:extLst>
            <a:ext uri="{FF2B5EF4-FFF2-40B4-BE49-F238E27FC236}">
              <a16:creationId xmlns:a16="http://schemas.microsoft.com/office/drawing/2014/main" id="{00000000-0008-0000-0400-000088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以外に係る経常収支比率は類似団体平均を上回っているが、全国平均との比較では０．３ポイントの増で収ま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財政規模の小さい町であるため、平均値で比較すると、物件費が類似団体平均を下回っているが、補助費等が類似団体平均を上回っているため、平均では上回ってしまう要因であると思わ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抑制できる補助費等を効率的に抑制を図り、今後の増加を抑制していくことが考えられる。</a:t>
          </a:r>
        </a:p>
      </xdr:txBody>
    </xdr:sp>
    <xdr:clientData/>
  </xdr:twoCellAnchor>
  <xdr:oneCellAnchor>
    <xdr:from>
      <xdr:col>62</xdr:col>
      <xdr:colOff>6350</xdr:colOff>
      <xdr:row>69</xdr:row>
      <xdr:rowOff>107950</xdr:rowOff>
    </xdr:from>
    <xdr:ext cx="298543" cy="225703"/>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3" name="直線コネクタ 402">
          <a:extLst>
            <a:ext uri="{FF2B5EF4-FFF2-40B4-BE49-F238E27FC236}">
              <a16:creationId xmlns:a16="http://schemas.microsoft.com/office/drawing/2014/main" id="{00000000-0008-0000-0400-000093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7" name="公債費以外グラフ枠">
          <a:extLst>
            <a:ext uri="{FF2B5EF4-FFF2-40B4-BE49-F238E27FC236}">
              <a16:creationId xmlns:a16="http://schemas.microsoft.com/office/drawing/2014/main" id="{00000000-0008-0000-0400-0000A1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1</xdr:row>
      <xdr:rowOff>6223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flipV="1">
          <a:off x="16510000" y="12517120"/>
          <a:ext cx="0" cy="1432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4307</xdr:rowOff>
    </xdr:from>
    <xdr:ext cx="762000" cy="259045"/>
    <xdr:sp macro="" textlink="">
      <xdr:nvSpPr>
        <xdr:cNvPr id="419" name="公債費以外最小値テキスト">
          <a:extLst>
            <a:ext uri="{FF2B5EF4-FFF2-40B4-BE49-F238E27FC236}">
              <a16:creationId xmlns:a16="http://schemas.microsoft.com/office/drawing/2014/main" id="{00000000-0008-0000-0400-0000A3010000}"/>
            </a:ext>
          </a:extLst>
        </xdr:cNvPr>
        <xdr:cNvSpPr txBox="1"/>
      </xdr:nvSpPr>
      <xdr:spPr>
        <a:xfrm>
          <a:off x="16598900" y="13921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62230</xdr:rowOff>
    </xdr:from>
    <xdr:to>
      <xdr:col>82</xdr:col>
      <xdr:colOff>196850</xdr:colOff>
      <xdr:row>81</xdr:row>
      <xdr:rowOff>6223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6421100" y="13949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21" name="公債費以外最大値テキスト">
          <a:extLst>
            <a:ext uri="{FF2B5EF4-FFF2-40B4-BE49-F238E27FC236}">
              <a16:creationId xmlns:a16="http://schemas.microsoft.com/office/drawing/2014/main" id="{00000000-0008-0000-0400-0000A5010000}"/>
            </a:ext>
          </a:extLst>
        </xdr:cNvPr>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31750</xdr:rowOff>
    </xdr:from>
    <xdr:to>
      <xdr:col>82</xdr:col>
      <xdr:colOff>107950</xdr:colOff>
      <xdr:row>80</xdr:row>
      <xdr:rowOff>92711</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flipV="1">
          <a:off x="15671800" y="13404850"/>
          <a:ext cx="838200" cy="403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19397</xdr:rowOff>
    </xdr:from>
    <xdr:ext cx="762000" cy="259045"/>
    <xdr:sp macro="" textlink="">
      <xdr:nvSpPr>
        <xdr:cNvPr id="424" name="公債費以外平均値テキスト">
          <a:extLst>
            <a:ext uri="{FF2B5EF4-FFF2-40B4-BE49-F238E27FC236}">
              <a16:creationId xmlns:a16="http://schemas.microsoft.com/office/drawing/2014/main" id="{00000000-0008-0000-0400-0000A8010000}"/>
            </a:ext>
          </a:extLst>
        </xdr:cNvPr>
        <xdr:cNvSpPr txBox="1"/>
      </xdr:nvSpPr>
      <xdr:spPr>
        <a:xfrm>
          <a:off x="16598900" y="129781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02870</xdr:rowOff>
    </xdr:from>
    <xdr:to>
      <xdr:col>82</xdr:col>
      <xdr:colOff>158750</xdr:colOff>
      <xdr:row>77</xdr:row>
      <xdr:rowOff>33020</xdr:rowOff>
    </xdr:to>
    <xdr:sp macro="" textlink="">
      <xdr:nvSpPr>
        <xdr:cNvPr id="425" name="フローチャート: 判断 424">
          <a:extLst>
            <a:ext uri="{FF2B5EF4-FFF2-40B4-BE49-F238E27FC236}">
              <a16:creationId xmlns:a16="http://schemas.microsoft.com/office/drawing/2014/main" id="{00000000-0008-0000-0400-0000A9010000}"/>
            </a:ext>
          </a:extLst>
        </xdr:cNvPr>
        <xdr:cNvSpPr/>
      </xdr:nvSpPr>
      <xdr:spPr>
        <a:xfrm>
          <a:off x="164592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00330</xdr:rowOff>
    </xdr:from>
    <xdr:to>
      <xdr:col>78</xdr:col>
      <xdr:colOff>69850</xdr:colOff>
      <xdr:row>80</xdr:row>
      <xdr:rowOff>92711</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4782800" y="13644880"/>
          <a:ext cx="889000" cy="163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1430</xdr:rowOff>
    </xdr:from>
    <xdr:to>
      <xdr:col>78</xdr:col>
      <xdr:colOff>120650</xdr:colOff>
      <xdr:row>78</xdr:row>
      <xdr:rowOff>113030</xdr:rowOff>
    </xdr:to>
    <xdr:sp macro="" textlink="">
      <xdr:nvSpPr>
        <xdr:cNvPr id="427" name="フローチャート: 判断 426">
          <a:extLst>
            <a:ext uri="{FF2B5EF4-FFF2-40B4-BE49-F238E27FC236}">
              <a16:creationId xmlns:a16="http://schemas.microsoft.com/office/drawing/2014/main" id="{00000000-0008-0000-0400-0000AB010000}"/>
            </a:ext>
          </a:extLst>
        </xdr:cNvPr>
        <xdr:cNvSpPr/>
      </xdr:nvSpPr>
      <xdr:spPr>
        <a:xfrm>
          <a:off x="15621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23207</xdr:rowOff>
    </xdr:from>
    <xdr:ext cx="7366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5290800" y="131534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00330</xdr:rowOff>
    </xdr:from>
    <xdr:to>
      <xdr:col>73</xdr:col>
      <xdr:colOff>180975</xdr:colOff>
      <xdr:row>79</xdr:row>
      <xdr:rowOff>168911</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flipV="1">
          <a:off x="13893800" y="13644880"/>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38100</xdr:rowOff>
    </xdr:from>
    <xdr:to>
      <xdr:col>74</xdr:col>
      <xdr:colOff>31750</xdr:colOff>
      <xdr:row>78</xdr:row>
      <xdr:rowOff>139700</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4732000" y="1341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49877</xdr:rowOff>
    </xdr:from>
    <xdr:ext cx="762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4401800" y="1318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58420</xdr:rowOff>
    </xdr:from>
    <xdr:to>
      <xdr:col>69</xdr:col>
      <xdr:colOff>92075</xdr:colOff>
      <xdr:row>79</xdr:row>
      <xdr:rowOff>168911</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3004800" y="13602970"/>
          <a:ext cx="889000" cy="110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0</xdr:rowOff>
    </xdr:from>
    <xdr:to>
      <xdr:col>69</xdr:col>
      <xdr:colOff>142875</xdr:colOff>
      <xdr:row>78</xdr:row>
      <xdr:rowOff>101600</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3843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11777</xdr:rowOff>
    </xdr:from>
    <xdr:ext cx="7620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3512800" y="1314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8589</xdr:rowOff>
    </xdr:from>
    <xdr:to>
      <xdr:col>65</xdr:col>
      <xdr:colOff>53975</xdr:colOff>
      <xdr:row>78</xdr:row>
      <xdr:rowOff>78739</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2954000" y="13350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88916</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2623800" y="13119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2400</xdr:rowOff>
    </xdr:from>
    <xdr:to>
      <xdr:col>82</xdr:col>
      <xdr:colOff>158750</xdr:colOff>
      <xdr:row>78</xdr:row>
      <xdr:rowOff>82550</xdr:rowOff>
    </xdr:to>
    <xdr:sp macro="" textlink="">
      <xdr:nvSpPr>
        <xdr:cNvPr id="442" name="楕円 441">
          <a:extLst>
            <a:ext uri="{FF2B5EF4-FFF2-40B4-BE49-F238E27FC236}">
              <a16:creationId xmlns:a16="http://schemas.microsoft.com/office/drawing/2014/main" id="{00000000-0008-0000-0400-0000BA010000}"/>
            </a:ext>
          </a:extLst>
        </xdr:cNvPr>
        <xdr:cNvSpPr/>
      </xdr:nvSpPr>
      <xdr:spPr>
        <a:xfrm>
          <a:off x="16459200" y="1335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24477</xdr:rowOff>
    </xdr:from>
    <xdr:ext cx="762000" cy="259045"/>
    <xdr:sp macro="" textlink="">
      <xdr:nvSpPr>
        <xdr:cNvPr id="443" name="公債費以外該当値テキスト">
          <a:extLst>
            <a:ext uri="{FF2B5EF4-FFF2-40B4-BE49-F238E27FC236}">
              <a16:creationId xmlns:a16="http://schemas.microsoft.com/office/drawing/2014/main" id="{00000000-0008-0000-0400-0000BB010000}"/>
            </a:ext>
          </a:extLst>
        </xdr:cNvPr>
        <xdr:cNvSpPr txBox="1"/>
      </xdr:nvSpPr>
      <xdr:spPr>
        <a:xfrm>
          <a:off x="16598900" y="13326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41911</xdr:rowOff>
    </xdr:from>
    <xdr:to>
      <xdr:col>78</xdr:col>
      <xdr:colOff>120650</xdr:colOff>
      <xdr:row>80</xdr:row>
      <xdr:rowOff>143511</xdr:rowOff>
    </xdr:to>
    <xdr:sp macro="" textlink="">
      <xdr:nvSpPr>
        <xdr:cNvPr id="444" name="楕円 443">
          <a:extLst>
            <a:ext uri="{FF2B5EF4-FFF2-40B4-BE49-F238E27FC236}">
              <a16:creationId xmlns:a16="http://schemas.microsoft.com/office/drawing/2014/main" id="{00000000-0008-0000-0400-0000BC010000}"/>
            </a:ext>
          </a:extLst>
        </xdr:cNvPr>
        <xdr:cNvSpPr/>
      </xdr:nvSpPr>
      <xdr:spPr>
        <a:xfrm>
          <a:off x="15621000" y="13757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28288</xdr:rowOff>
    </xdr:from>
    <xdr:ext cx="7366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5290800" y="138442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49530</xdr:rowOff>
    </xdr:from>
    <xdr:to>
      <xdr:col>74</xdr:col>
      <xdr:colOff>31750</xdr:colOff>
      <xdr:row>79</xdr:row>
      <xdr:rowOff>151130</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4732000" y="1359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3590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4401800" y="13680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18111</xdr:rowOff>
    </xdr:from>
    <xdr:to>
      <xdr:col>69</xdr:col>
      <xdr:colOff>142875</xdr:colOff>
      <xdr:row>80</xdr:row>
      <xdr:rowOff>48261</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3843000" y="13662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33038</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3512800" y="13749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7620</xdr:rowOff>
    </xdr:from>
    <xdr:to>
      <xdr:col>65</xdr:col>
      <xdr:colOff>53975</xdr:colOff>
      <xdr:row>79</xdr:row>
      <xdr:rowOff>109220</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2954000" y="13552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9399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623800" y="13638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26972</xdr:rowOff>
    </xdr:from>
    <xdr:to>
      <xdr:col>29</xdr:col>
      <xdr:colOff>127000</xdr:colOff>
      <xdr:row>18</xdr:row>
      <xdr:rowOff>170373</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1960547"/>
          <a:ext cx="0" cy="134355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142450</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276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170373</xdr:rowOff>
    </xdr:from>
    <xdr:to>
      <xdr:col>30</xdr:col>
      <xdr:colOff>25400</xdr:colOff>
      <xdr:row>18</xdr:row>
      <xdr:rowOff>170373</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30409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13349</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704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26972</xdr:rowOff>
    </xdr:from>
    <xdr:to>
      <xdr:col>30</xdr:col>
      <xdr:colOff>25400</xdr:colOff>
      <xdr:row>11</xdr:row>
      <xdr:rowOff>26972</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196054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17246</xdr:rowOff>
    </xdr:from>
    <xdr:to>
      <xdr:col>29</xdr:col>
      <xdr:colOff>127000</xdr:colOff>
      <xdr:row>17</xdr:row>
      <xdr:rowOff>144709</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003800" y="3079521"/>
          <a:ext cx="647700" cy="274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05300</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5532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88773</xdr:rowOff>
    </xdr:from>
    <xdr:to>
      <xdr:col>29</xdr:col>
      <xdr:colOff>177800</xdr:colOff>
      <xdr:row>16</xdr:row>
      <xdr:rowOff>18923</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708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17246</xdr:rowOff>
    </xdr:from>
    <xdr:to>
      <xdr:col>26</xdr:col>
      <xdr:colOff>50800</xdr:colOff>
      <xdr:row>17</xdr:row>
      <xdr:rowOff>134430</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3079521"/>
          <a:ext cx="698500" cy="171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127147</xdr:rowOff>
    </xdr:from>
    <xdr:to>
      <xdr:col>26</xdr:col>
      <xdr:colOff>101600</xdr:colOff>
      <xdr:row>16</xdr:row>
      <xdr:rowOff>57297</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7465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67474</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5153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34430</xdr:rowOff>
    </xdr:from>
    <xdr:to>
      <xdr:col>22</xdr:col>
      <xdr:colOff>114300</xdr:colOff>
      <xdr:row>18</xdr:row>
      <xdr:rowOff>1181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096705"/>
          <a:ext cx="698500" cy="488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121539</xdr:rowOff>
    </xdr:from>
    <xdr:to>
      <xdr:col>22</xdr:col>
      <xdr:colOff>165100</xdr:colOff>
      <xdr:row>16</xdr:row>
      <xdr:rowOff>51689</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7409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61866</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509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1816</xdr:rowOff>
    </xdr:from>
    <xdr:to>
      <xdr:col>18</xdr:col>
      <xdr:colOff>177800</xdr:colOff>
      <xdr:row>18</xdr:row>
      <xdr:rowOff>31049</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145541"/>
          <a:ext cx="698500" cy="192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5</xdr:row>
      <xdr:rowOff>150541</xdr:rowOff>
    </xdr:from>
    <xdr:to>
      <xdr:col>19</xdr:col>
      <xdr:colOff>38100</xdr:colOff>
      <xdr:row>16</xdr:row>
      <xdr:rowOff>80691</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7699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90868</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538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64150</xdr:rowOff>
    </xdr:from>
    <xdr:to>
      <xdr:col>15</xdr:col>
      <xdr:colOff>101600</xdr:colOff>
      <xdr:row>16</xdr:row>
      <xdr:rowOff>94300</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78352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04477</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552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93909</xdr:rowOff>
    </xdr:from>
    <xdr:to>
      <xdr:col>29</xdr:col>
      <xdr:colOff>177800</xdr:colOff>
      <xdr:row>18</xdr:row>
      <xdr:rowOff>24059</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0561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65986</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3028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66446</xdr:rowOff>
    </xdr:from>
    <xdr:to>
      <xdr:col>26</xdr:col>
      <xdr:colOff>101600</xdr:colOff>
      <xdr:row>17</xdr:row>
      <xdr:rowOff>168046</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0287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52823</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1150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83630</xdr:rowOff>
    </xdr:from>
    <xdr:to>
      <xdr:col>22</xdr:col>
      <xdr:colOff>165100</xdr:colOff>
      <xdr:row>18</xdr:row>
      <xdr:rowOff>13780</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0459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70007</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1322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32466</xdr:rowOff>
    </xdr:from>
    <xdr:to>
      <xdr:col>19</xdr:col>
      <xdr:colOff>38100</xdr:colOff>
      <xdr:row>18</xdr:row>
      <xdr:rowOff>62616</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0947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47393</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181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51699</xdr:rowOff>
    </xdr:from>
    <xdr:to>
      <xdr:col>15</xdr:col>
      <xdr:colOff>101600</xdr:colOff>
      <xdr:row>18</xdr:row>
      <xdr:rowOff>81849</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1139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66626</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2003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9560</xdr:rowOff>
    </xdr:from>
    <xdr:to>
      <xdr:col>29</xdr:col>
      <xdr:colOff>127000</xdr:colOff>
      <xdr:row>38</xdr:row>
      <xdr:rowOff>96196</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5964110"/>
          <a:ext cx="0" cy="159968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68273</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535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96196</xdr:rowOff>
    </xdr:from>
    <xdr:to>
      <xdr:col>30</xdr:col>
      <xdr:colOff>25400</xdr:colOff>
      <xdr:row>38</xdr:row>
      <xdr:rowOff>96196</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56379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97387</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5707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9560</xdr:rowOff>
    </xdr:from>
    <xdr:to>
      <xdr:col>30</xdr:col>
      <xdr:colOff>25400</xdr:colOff>
      <xdr:row>33</xdr:row>
      <xdr:rowOff>39560</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596411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28194</xdr:rowOff>
    </xdr:from>
    <xdr:to>
      <xdr:col>29</xdr:col>
      <xdr:colOff>127000</xdr:colOff>
      <xdr:row>35</xdr:row>
      <xdr:rowOff>277476</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5003800" y="6838544"/>
          <a:ext cx="647700" cy="492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50836</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8611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8759</xdr:rowOff>
    </xdr:from>
    <xdr:to>
      <xdr:col>29</xdr:col>
      <xdr:colOff>177800</xdr:colOff>
      <xdr:row>36</xdr:row>
      <xdr:rowOff>37459</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8891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77476</xdr:rowOff>
    </xdr:from>
    <xdr:to>
      <xdr:col>26</xdr:col>
      <xdr:colOff>50800</xdr:colOff>
      <xdr:row>36</xdr:row>
      <xdr:rowOff>30226</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4305300" y="6887826"/>
          <a:ext cx="698500" cy="9565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95466</xdr:rowOff>
    </xdr:from>
    <xdr:to>
      <xdr:col>26</xdr:col>
      <xdr:colOff>101600</xdr:colOff>
      <xdr:row>36</xdr:row>
      <xdr:rowOff>54166</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9058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38943</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69921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30226</xdr:rowOff>
    </xdr:from>
    <xdr:to>
      <xdr:col>22</xdr:col>
      <xdr:colOff>114300</xdr:colOff>
      <xdr:row>36</xdr:row>
      <xdr:rowOff>39198</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3606800" y="6983476"/>
          <a:ext cx="698500" cy="89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98152</xdr:rowOff>
    </xdr:from>
    <xdr:to>
      <xdr:col>22</xdr:col>
      <xdr:colOff>165100</xdr:colOff>
      <xdr:row>36</xdr:row>
      <xdr:rowOff>5685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69085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6702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6677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39198</xdr:rowOff>
    </xdr:from>
    <xdr:to>
      <xdr:col>18</xdr:col>
      <xdr:colOff>177800</xdr:colOff>
      <xdr:row>36</xdr:row>
      <xdr:rowOff>115627</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2908300" y="6992448"/>
          <a:ext cx="698500" cy="764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313468</xdr:rowOff>
    </xdr:from>
    <xdr:to>
      <xdr:col>19</xdr:col>
      <xdr:colOff>38100</xdr:colOff>
      <xdr:row>36</xdr:row>
      <xdr:rowOff>72168</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69238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82345</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66926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12706</xdr:rowOff>
    </xdr:from>
    <xdr:to>
      <xdr:col>15</xdr:col>
      <xdr:colOff>101600</xdr:colOff>
      <xdr:row>36</xdr:row>
      <xdr:rowOff>71406</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69230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81583</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691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77394</xdr:rowOff>
    </xdr:from>
    <xdr:to>
      <xdr:col>29</xdr:col>
      <xdr:colOff>177800</xdr:colOff>
      <xdr:row>35</xdr:row>
      <xdr:rowOff>278994</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67877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2471</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6632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26676</xdr:rowOff>
    </xdr:from>
    <xdr:to>
      <xdr:col>26</xdr:col>
      <xdr:colOff>101600</xdr:colOff>
      <xdr:row>35</xdr:row>
      <xdr:rowOff>328276</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68370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38453</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66059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322326</xdr:rowOff>
    </xdr:from>
    <xdr:to>
      <xdr:col>22</xdr:col>
      <xdr:colOff>165100</xdr:colOff>
      <xdr:row>36</xdr:row>
      <xdr:rowOff>81026</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69326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65803</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701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31298</xdr:rowOff>
    </xdr:from>
    <xdr:to>
      <xdr:col>19</xdr:col>
      <xdr:colOff>38100</xdr:colOff>
      <xdr:row>36</xdr:row>
      <xdr:rowOff>89998</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69416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74775</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7028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4827</xdr:rowOff>
    </xdr:from>
    <xdr:to>
      <xdr:col>15</xdr:col>
      <xdr:colOff>101600</xdr:colOff>
      <xdr:row>36</xdr:row>
      <xdr:rowOff>166427</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701807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51204</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7104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84
6,916
7.05
4,416,745
4,073,683
339,840
2,501,157
3,464,2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10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20675</xdr:rowOff>
    </xdr:from>
    <xdr:to>
      <xdr:col>24</xdr:col>
      <xdr:colOff>62865</xdr:colOff>
      <xdr:row>38</xdr:row>
      <xdr:rowOff>58996</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335625"/>
          <a:ext cx="1270" cy="12384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2823</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577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5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8996</xdr:rowOff>
    </xdr:from>
    <xdr:to>
      <xdr:col>24</xdr:col>
      <xdr:colOff>152400</xdr:colOff>
      <xdr:row>38</xdr:row>
      <xdr:rowOff>58996</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574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8802</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110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20675</xdr:rowOff>
    </xdr:from>
    <xdr:to>
      <xdr:col>24</xdr:col>
      <xdr:colOff>152400</xdr:colOff>
      <xdr:row>31</xdr:row>
      <xdr:rowOff>20675</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335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01128</xdr:rowOff>
    </xdr:from>
    <xdr:to>
      <xdr:col>24</xdr:col>
      <xdr:colOff>63500</xdr:colOff>
      <xdr:row>36</xdr:row>
      <xdr:rowOff>124338</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3797300" y="6273328"/>
          <a:ext cx="838200" cy="23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1729</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8610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852</xdr:rowOff>
    </xdr:from>
    <xdr:to>
      <xdr:col>24</xdr:col>
      <xdr:colOff>114300</xdr:colOff>
      <xdr:row>35</xdr:row>
      <xdr:rowOff>110452</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00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01128</xdr:rowOff>
    </xdr:from>
    <xdr:to>
      <xdr:col>19</xdr:col>
      <xdr:colOff>177800</xdr:colOff>
      <xdr:row>37</xdr:row>
      <xdr:rowOff>54066</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273328"/>
          <a:ext cx="889000" cy="124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4902</xdr:rowOff>
    </xdr:from>
    <xdr:to>
      <xdr:col>20</xdr:col>
      <xdr:colOff>38100</xdr:colOff>
      <xdr:row>35</xdr:row>
      <xdr:rowOff>146502</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045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3</xdr:row>
      <xdr:rowOff>163029</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5820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54066</xdr:rowOff>
    </xdr:from>
    <xdr:to>
      <xdr:col>15</xdr:col>
      <xdr:colOff>50800</xdr:colOff>
      <xdr:row>37</xdr:row>
      <xdr:rowOff>91282</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397716"/>
          <a:ext cx="889000" cy="3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3307</xdr:rowOff>
    </xdr:from>
    <xdr:to>
      <xdr:col>15</xdr:col>
      <xdr:colOff>101600</xdr:colOff>
      <xdr:row>36</xdr:row>
      <xdr:rowOff>73457</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144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89984</xdr:rowOff>
    </xdr:from>
    <xdr:ext cx="599010"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08795" y="59192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91282</xdr:rowOff>
    </xdr:from>
    <xdr:to>
      <xdr:col>10</xdr:col>
      <xdr:colOff>114300</xdr:colOff>
      <xdr:row>37</xdr:row>
      <xdr:rowOff>96525</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434932"/>
          <a:ext cx="889000" cy="5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70175</xdr:rowOff>
    </xdr:from>
    <xdr:to>
      <xdr:col>10</xdr:col>
      <xdr:colOff>165100</xdr:colOff>
      <xdr:row>36</xdr:row>
      <xdr:rowOff>100325</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170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4</xdr:row>
      <xdr:rowOff>116852</xdr:rowOff>
    </xdr:from>
    <xdr:ext cx="59901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19795" y="59461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65931</xdr:rowOff>
    </xdr:from>
    <xdr:to>
      <xdr:col>6</xdr:col>
      <xdr:colOff>38100</xdr:colOff>
      <xdr:row>36</xdr:row>
      <xdr:rowOff>96081</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166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4</xdr:row>
      <xdr:rowOff>112608</xdr:rowOff>
    </xdr:from>
    <xdr:ext cx="59901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30795" y="5941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3538</xdr:rowOff>
    </xdr:from>
    <xdr:to>
      <xdr:col>24</xdr:col>
      <xdr:colOff>114300</xdr:colOff>
      <xdr:row>37</xdr:row>
      <xdr:rowOff>3688</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245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51965</xdr:rowOff>
    </xdr:from>
    <xdr:ext cx="599010"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62241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50328</xdr:rowOff>
    </xdr:from>
    <xdr:to>
      <xdr:col>20</xdr:col>
      <xdr:colOff>38100</xdr:colOff>
      <xdr:row>36</xdr:row>
      <xdr:rowOff>151928</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222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6</xdr:row>
      <xdr:rowOff>143055</xdr:rowOff>
    </xdr:from>
    <xdr:ext cx="59901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497795" y="63152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3266</xdr:rowOff>
    </xdr:from>
    <xdr:to>
      <xdr:col>15</xdr:col>
      <xdr:colOff>101600</xdr:colOff>
      <xdr:row>37</xdr:row>
      <xdr:rowOff>10486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346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95993</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6439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40482</xdr:rowOff>
    </xdr:from>
    <xdr:to>
      <xdr:col>10</xdr:col>
      <xdr:colOff>165100</xdr:colOff>
      <xdr:row>37</xdr:row>
      <xdr:rowOff>142082</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384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33210</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476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5725</xdr:rowOff>
    </xdr:from>
    <xdr:to>
      <xdr:col>6</xdr:col>
      <xdr:colOff>38100</xdr:colOff>
      <xdr:row>37</xdr:row>
      <xdr:rowOff>14732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389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38452</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482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6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6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6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6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6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6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6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6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id="{00000000-0008-0000-06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a:extLst>
            <a:ext uri="{FF2B5EF4-FFF2-40B4-BE49-F238E27FC236}">
              <a16:creationId xmlns:a16="http://schemas.microsoft.com/office/drawing/2014/main" id="{00000000-0008-0000-06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6245</xdr:rowOff>
    </xdr:from>
    <xdr:to>
      <xdr:col>24</xdr:col>
      <xdr:colOff>62865</xdr:colOff>
      <xdr:row>58</xdr:row>
      <xdr:rowOff>106058</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flipV="1">
          <a:off x="4633595" y="8900195"/>
          <a:ext cx="1270" cy="11499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885</xdr:rowOff>
    </xdr:from>
    <xdr:ext cx="534377" cy="259045"/>
    <xdr:sp macro="" textlink="">
      <xdr:nvSpPr>
        <xdr:cNvPr id="114" name="物件費最小値テキスト">
          <a:extLst>
            <a:ext uri="{FF2B5EF4-FFF2-40B4-BE49-F238E27FC236}">
              <a16:creationId xmlns:a16="http://schemas.microsoft.com/office/drawing/2014/main" id="{00000000-0008-0000-0600-000072000000}"/>
            </a:ext>
          </a:extLst>
        </xdr:cNvPr>
        <xdr:cNvSpPr txBox="1"/>
      </xdr:nvSpPr>
      <xdr:spPr>
        <a:xfrm>
          <a:off x="4686300" y="10053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6058</xdr:rowOff>
    </xdr:from>
    <xdr:to>
      <xdr:col>24</xdr:col>
      <xdr:colOff>152400</xdr:colOff>
      <xdr:row>58</xdr:row>
      <xdr:rowOff>106058</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4546600" y="10050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02922</xdr:rowOff>
    </xdr:from>
    <xdr:ext cx="599010" cy="259045"/>
    <xdr:sp macro="" textlink="">
      <xdr:nvSpPr>
        <xdr:cNvPr id="116" name="物件費最大値テキスト">
          <a:extLst>
            <a:ext uri="{FF2B5EF4-FFF2-40B4-BE49-F238E27FC236}">
              <a16:creationId xmlns:a16="http://schemas.microsoft.com/office/drawing/2014/main" id="{00000000-0008-0000-0600-000074000000}"/>
            </a:ext>
          </a:extLst>
        </xdr:cNvPr>
        <xdr:cNvSpPr txBox="1"/>
      </xdr:nvSpPr>
      <xdr:spPr>
        <a:xfrm>
          <a:off x="4686300" y="8675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1,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56245</xdr:rowOff>
    </xdr:from>
    <xdr:to>
      <xdr:col>24</xdr:col>
      <xdr:colOff>152400</xdr:colOff>
      <xdr:row>51</xdr:row>
      <xdr:rowOff>156245</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4546600" y="8900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64786</xdr:rowOff>
    </xdr:from>
    <xdr:to>
      <xdr:col>24</xdr:col>
      <xdr:colOff>63500</xdr:colOff>
      <xdr:row>58</xdr:row>
      <xdr:rowOff>7930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3797300" y="10008886"/>
          <a:ext cx="838200" cy="14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3919</xdr:rowOff>
    </xdr:from>
    <xdr:ext cx="599010" cy="259045"/>
    <xdr:sp macro="" textlink="">
      <xdr:nvSpPr>
        <xdr:cNvPr id="119" name="物件費平均値テキスト">
          <a:extLst>
            <a:ext uri="{FF2B5EF4-FFF2-40B4-BE49-F238E27FC236}">
              <a16:creationId xmlns:a16="http://schemas.microsoft.com/office/drawing/2014/main" id="{00000000-0008-0000-0600-000077000000}"/>
            </a:ext>
          </a:extLst>
        </xdr:cNvPr>
        <xdr:cNvSpPr txBox="1"/>
      </xdr:nvSpPr>
      <xdr:spPr>
        <a:xfrm>
          <a:off x="4686300" y="970511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1042</xdr:rowOff>
    </xdr:from>
    <xdr:to>
      <xdr:col>24</xdr:col>
      <xdr:colOff>114300</xdr:colOff>
      <xdr:row>58</xdr:row>
      <xdr:rowOff>11192</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4584700" y="985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1027</xdr:rowOff>
    </xdr:from>
    <xdr:to>
      <xdr:col>19</xdr:col>
      <xdr:colOff>177800</xdr:colOff>
      <xdr:row>58</xdr:row>
      <xdr:rowOff>79306</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a:off x="2908300" y="10005127"/>
          <a:ext cx="889000" cy="18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9236</xdr:rowOff>
    </xdr:from>
    <xdr:to>
      <xdr:col>20</xdr:col>
      <xdr:colOff>38100</xdr:colOff>
      <xdr:row>58</xdr:row>
      <xdr:rowOff>19386</xdr:rowOff>
    </xdr:to>
    <xdr:sp macro="" textlink="">
      <xdr:nvSpPr>
        <xdr:cNvPr id="122" name="フローチャート: 判断 121">
          <a:extLst>
            <a:ext uri="{FF2B5EF4-FFF2-40B4-BE49-F238E27FC236}">
              <a16:creationId xmlns:a16="http://schemas.microsoft.com/office/drawing/2014/main" id="{00000000-0008-0000-0600-00007A000000}"/>
            </a:ext>
          </a:extLst>
        </xdr:cNvPr>
        <xdr:cNvSpPr/>
      </xdr:nvSpPr>
      <xdr:spPr>
        <a:xfrm>
          <a:off x="3746500" y="986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35913</xdr:rowOff>
    </xdr:from>
    <xdr:ext cx="599010" cy="259045"/>
    <xdr:sp macro="" textlink="">
      <xdr:nvSpPr>
        <xdr:cNvPr id="123" name="テキスト ボックス 122">
          <a:extLst>
            <a:ext uri="{FF2B5EF4-FFF2-40B4-BE49-F238E27FC236}">
              <a16:creationId xmlns:a16="http://schemas.microsoft.com/office/drawing/2014/main" id="{00000000-0008-0000-0600-00007B000000}"/>
            </a:ext>
          </a:extLst>
        </xdr:cNvPr>
        <xdr:cNvSpPr txBox="1"/>
      </xdr:nvSpPr>
      <xdr:spPr>
        <a:xfrm>
          <a:off x="3497795" y="9637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61027</xdr:rowOff>
    </xdr:from>
    <xdr:to>
      <xdr:col>15</xdr:col>
      <xdr:colOff>50800</xdr:colOff>
      <xdr:row>58</xdr:row>
      <xdr:rowOff>67784</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019300" y="10005127"/>
          <a:ext cx="889000" cy="6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4665</xdr:rowOff>
    </xdr:from>
    <xdr:to>
      <xdr:col>15</xdr:col>
      <xdr:colOff>101600</xdr:colOff>
      <xdr:row>58</xdr:row>
      <xdr:rowOff>24815</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2857500" y="986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41342</xdr:rowOff>
    </xdr:from>
    <xdr:ext cx="599010"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2608795" y="96425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7784</xdr:rowOff>
    </xdr:from>
    <xdr:to>
      <xdr:col>10</xdr:col>
      <xdr:colOff>114300</xdr:colOff>
      <xdr:row>58</xdr:row>
      <xdr:rowOff>87280</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1130300" y="10011884"/>
          <a:ext cx="889000" cy="19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04894</xdr:rowOff>
    </xdr:from>
    <xdr:to>
      <xdr:col>10</xdr:col>
      <xdr:colOff>165100</xdr:colOff>
      <xdr:row>58</xdr:row>
      <xdr:rowOff>35044</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1968500" y="987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51571</xdr:rowOff>
    </xdr:from>
    <xdr:ext cx="599010"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1719795" y="96527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3207</xdr:rowOff>
    </xdr:from>
    <xdr:to>
      <xdr:col>6</xdr:col>
      <xdr:colOff>38100</xdr:colOff>
      <xdr:row>58</xdr:row>
      <xdr:rowOff>33357</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1079500" y="9875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49884</xdr:rowOff>
    </xdr:from>
    <xdr:ext cx="59901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830795" y="96510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3986</xdr:rowOff>
    </xdr:from>
    <xdr:to>
      <xdr:col>24</xdr:col>
      <xdr:colOff>114300</xdr:colOff>
      <xdr:row>58</xdr:row>
      <xdr:rowOff>115586</xdr:rowOff>
    </xdr:to>
    <xdr:sp macro="" textlink="">
      <xdr:nvSpPr>
        <xdr:cNvPr id="137" name="楕円 136">
          <a:extLst>
            <a:ext uri="{FF2B5EF4-FFF2-40B4-BE49-F238E27FC236}">
              <a16:creationId xmlns:a16="http://schemas.microsoft.com/office/drawing/2014/main" id="{00000000-0008-0000-0600-000089000000}"/>
            </a:ext>
          </a:extLst>
        </xdr:cNvPr>
        <xdr:cNvSpPr/>
      </xdr:nvSpPr>
      <xdr:spPr>
        <a:xfrm>
          <a:off x="4584700" y="995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00363</xdr:rowOff>
    </xdr:from>
    <xdr:ext cx="534377" cy="259045"/>
    <xdr:sp macro="" textlink="">
      <xdr:nvSpPr>
        <xdr:cNvPr id="138" name="物件費該当値テキスト">
          <a:extLst>
            <a:ext uri="{FF2B5EF4-FFF2-40B4-BE49-F238E27FC236}">
              <a16:creationId xmlns:a16="http://schemas.microsoft.com/office/drawing/2014/main" id="{00000000-0008-0000-0600-00008A000000}"/>
            </a:ext>
          </a:extLst>
        </xdr:cNvPr>
        <xdr:cNvSpPr txBox="1"/>
      </xdr:nvSpPr>
      <xdr:spPr>
        <a:xfrm>
          <a:off x="4686300" y="9873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28506</xdr:rowOff>
    </xdr:from>
    <xdr:to>
      <xdr:col>20</xdr:col>
      <xdr:colOff>38100</xdr:colOff>
      <xdr:row>58</xdr:row>
      <xdr:rowOff>130106</xdr:rowOff>
    </xdr:to>
    <xdr:sp macro="" textlink="">
      <xdr:nvSpPr>
        <xdr:cNvPr id="139" name="楕円 138">
          <a:extLst>
            <a:ext uri="{FF2B5EF4-FFF2-40B4-BE49-F238E27FC236}">
              <a16:creationId xmlns:a16="http://schemas.microsoft.com/office/drawing/2014/main" id="{00000000-0008-0000-0600-00008B000000}"/>
            </a:ext>
          </a:extLst>
        </xdr:cNvPr>
        <xdr:cNvSpPr/>
      </xdr:nvSpPr>
      <xdr:spPr>
        <a:xfrm>
          <a:off x="3746500" y="9972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21233</xdr:rowOff>
    </xdr:from>
    <xdr:ext cx="534377"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530111" y="10065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0227</xdr:rowOff>
    </xdr:from>
    <xdr:to>
      <xdr:col>15</xdr:col>
      <xdr:colOff>101600</xdr:colOff>
      <xdr:row>58</xdr:row>
      <xdr:rowOff>111827</xdr:rowOff>
    </xdr:to>
    <xdr:sp macro="" textlink="">
      <xdr:nvSpPr>
        <xdr:cNvPr id="141" name="楕円 140">
          <a:extLst>
            <a:ext uri="{FF2B5EF4-FFF2-40B4-BE49-F238E27FC236}">
              <a16:creationId xmlns:a16="http://schemas.microsoft.com/office/drawing/2014/main" id="{00000000-0008-0000-0600-00008D000000}"/>
            </a:ext>
          </a:extLst>
        </xdr:cNvPr>
        <xdr:cNvSpPr/>
      </xdr:nvSpPr>
      <xdr:spPr>
        <a:xfrm>
          <a:off x="2857500" y="9954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02954</xdr:rowOff>
    </xdr:from>
    <xdr:ext cx="534377"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2641111" y="10047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6984</xdr:rowOff>
    </xdr:from>
    <xdr:to>
      <xdr:col>10</xdr:col>
      <xdr:colOff>165100</xdr:colOff>
      <xdr:row>58</xdr:row>
      <xdr:rowOff>118584</xdr:rowOff>
    </xdr:to>
    <xdr:sp macro="" textlink="">
      <xdr:nvSpPr>
        <xdr:cNvPr id="143" name="楕円 142">
          <a:extLst>
            <a:ext uri="{FF2B5EF4-FFF2-40B4-BE49-F238E27FC236}">
              <a16:creationId xmlns:a16="http://schemas.microsoft.com/office/drawing/2014/main" id="{00000000-0008-0000-0600-00008F000000}"/>
            </a:ext>
          </a:extLst>
        </xdr:cNvPr>
        <xdr:cNvSpPr/>
      </xdr:nvSpPr>
      <xdr:spPr>
        <a:xfrm>
          <a:off x="1968500" y="9961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9711</xdr:rowOff>
    </xdr:from>
    <xdr:ext cx="534377" cy="259045"/>
    <xdr:sp macro="" textlink="">
      <xdr:nvSpPr>
        <xdr:cNvPr id="144" name="テキスト ボックス 143">
          <a:extLst>
            <a:ext uri="{FF2B5EF4-FFF2-40B4-BE49-F238E27FC236}">
              <a16:creationId xmlns:a16="http://schemas.microsoft.com/office/drawing/2014/main" id="{00000000-0008-0000-0600-000090000000}"/>
            </a:ext>
          </a:extLst>
        </xdr:cNvPr>
        <xdr:cNvSpPr txBox="1"/>
      </xdr:nvSpPr>
      <xdr:spPr>
        <a:xfrm>
          <a:off x="1752111" y="10053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6480</xdr:rowOff>
    </xdr:from>
    <xdr:to>
      <xdr:col>6</xdr:col>
      <xdr:colOff>38100</xdr:colOff>
      <xdr:row>58</xdr:row>
      <xdr:rowOff>138080</xdr:rowOff>
    </xdr:to>
    <xdr:sp macro="" textlink="">
      <xdr:nvSpPr>
        <xdr:cNvPr id="145" name="楕円 144">
          <a:extLst>
            <a:ext uri="{FF2B5EF4-FFF2-40B4-BE49-F238E27FC236}">
              <a16:creationId xmlns:a16="http://schemas.microsoft.com/office/drawing/2014/main" id="{00000000-0008-0000-0600-000091000000}"/>
            </a:ext>
          </a:extLst>
        </xdr:cNvPr>
        <xdr:cNvSpPr/>
      </xdr:nvSpPr>
      <xdr:spPr>
        <a:xfrm>
          <a:off x="1079500" y="998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29207</xdr:rowOff>
    </xdr:from>
    <xdr:ext cx="534377" cy="259045"/>
    <xdr:sp macro="" textlink="">
      <xdr:nvSpPr>
        <xdr:cNvPr id="146" name="テキスト ボックス 145">
          <a:extLst>
            <a:ext uri="{FF2B5EF4-FFF2-40B4-BE49-F238E27FC236}">
              <a16:creationId xmlns:a16="http://schemas.microsoft.com/office/drawing/2014/main" id="{00000000-0008-0000-0600-000092000000}"/>
            </a:ext>
          </a:extLst>
        </xdr:cNvPr>
        <xdr:cNvSpPr txBox="1"/>
      </xdr:nvSpPr>
      <xdr:spPr>
        <a:xfrm>
          <a:off x="863111" y="10073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a:extLst>
            <a:ext uri="{FF2B5EF4-FFF2-40B4-BE49-F238E27FC236}">
              <a16:creationId xmlns:a16="http://schemas.microsoft.com/office/drawing/2014/main" id="{00000000-0008-0000-0600-0000A9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6774</xdr:rowOff>
    </xdr:from>
    <xdr:to>
      <xdr:col>24</xdr:col>
      <xdr:colOff>62865</xdr:colOff>
      <xdr:row>79</xdr:row>
      <xdr:rowOff>43383</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flipV="1">
          <a:off x="4633595" y="12219724"/>
          <a:ext cx="1270" cy="13682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7210</xdr:rowOff>
    </xdr:from>
    <xdr:ext cx="313932" cy="259045"/>
    <xdr:sp macro="" textlink="">
      <xdr:nvSpPr>
        <xdr:cNvPr id="171" name="維持補修費最小値テキスト">
          <a:extLst>
            <a:ext uri="{FF2B5EF4-FFF2-40B4-BE49-F238E27FC236}">
              <a16:creationId xmlns:a16="http://schemas.microsoft.com/office/drawing/2014/main" id="{00000000-0008-0000-0600-0000AB000000}"/>
            </a:ext>
          </a:extLst>
        </xdr:cNvPr>
        <xdr:cNvSpPr txBox="1"/>
      </xdr:nvSpPr>
      <xdr:spPr>
        <a:xfrm>
          <a:off x="4686300" y="1359176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3383</xdr:rowOff>
    </xdr:from>
    <xdr:to>
      <xdr:col>24</xdr:col>
      <xdr:colOff>152400</xdr:colOff>
      <xdr:row>79</xdr:row>
      <xdr:rowOff>43383</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4546600" y="135879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4901</xdr:rowOff>
    </xdr:from>
    <xdr:ext cx="534377" cy="259045"/>
    <xdr:sp macro="" textlink="">
      <xdr:nvSpPr>
        <xdr:cNvPr id="173" name="維持補修費最大値テキスト">
          <a:extLst>
            <a:ext uri="{FF2B5EF4-FFF2-40B4-BE49-F238E27FC236}">
              <a16:creationId xmlns:a16="http://schemas.microsoft.com/office/drawing/2014/main" id="{00000000-0008-0000-0600-0000AD000000}"/>
            </a:ext>
          </a:extLst>
        </xdr:cNvPr>
        <xdr:cNvSpPr txBox="1"/>
      </xdr:nvSpPr>
      <xdr:spPr>
        <a:xfrm>
          <a:off x="4686300" y="11994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46774</xdr:rowOff>
    </xdr:from>
    <xdr:to>
      <xdr:col>24</xdr:col>
      <xdr:colOff>152400</xdr:colOff>
      <xdr:row>71</xdr:row>
      <xdr:rowOff>46774</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4546600" y="122197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12858</xdr:rowOff>
    </xdr:from>
    <xdr:to>
      <xdr:col>24</xdr:col>
      <xdr:colOff>63500</xdr:colOff>
      <xdr:row>78</xdr:row>
      <xdr:rowOff>120611</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3797300" y="13485958"/>
          <a:ext cx="838200" cy="7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8904</xdr:rowOff>
    </xdr:from>
    <xdr:ext cx="534377" cy="259045"/>
    <xdr:sp macro="" textlink="">
      <xdr:nvSpPr>
        <xdr:cNvPr id="176" name="維持補修費平均値テキスト">
          <a:extLst>
            <a:ext uri="{FF2B5EF4-FFF2-40B4-BE49-F238E27FC236}">
              <a16:creationId xmlns:a16="http://schemas.microsoft.com/office/drawing/2014/main" id="{00000000-0008-0000-0600-0000B0000000}"/>
            </a:ext>
          </a:extLst>
        </xdr:cNvPr>
        <xdr:cNvSpPr txBox="1"/>
      </xdr:nvSpPr>
      <xdr:spPr>
        <a:xfrm>
          <a:off x="4686300" y="131691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16027</xdr:rowOff>
    </xdr:from>
    <xdr:to>
      <xdr:col>24</xdr:col>
      <xdr:colOff>114300</xdr:colOff>
      <xdr:row>78</xdr:row>
      <xdr:rowOff>46177</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4584700" y="13317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0840</xdr:rowOff>
    </xdr:from>
    <xdr:to>
      <xdr:col>19</xdr:col>
      <xdr:colOff>177800</xdr:colOff>
      <xdr:row>78</xdr:row>
      <xdr:rowOff>120611</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2908300" y="13483940"/>
          <a:ext cx="889000" cy="9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40773</xdr:rowOff>
    </xdr:from>
    <xdr:to>
      <xdr:col>20</xdr:col>
      <xdr:colOff>38100</xdr:colOff>
      <xdr:row>78</xdr:row>
      <xdr:rowOff>70923</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3746500" y="13342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6</xdr:row>
      <xdr:rowOff>87450</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3530111" y="13117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10840</xdr:rowOff>
    </xdr:from>
    <xdr:to>
      <xdr:col>15</xdr:col>
      <xdr:colOff>50800</xdr:colOff>
      <xdr:row>78</xdr:row>
      <xdr:rowOff>137147</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019300" y="13483940"/>
          <a:ext cx="889000" cy="26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7824</xdr:rowOff>
    </xdr:from>
    <xdr:to>
      <xdr:col>15</xdr:col>
      <xdr:colOff>101600</xdr:colOff>
      <xdr:row>78</xdr:row>
      <xdr:rowOff>97974</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2857500" y="13369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14501</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2673428" y="13144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37147</xdr:rowOff>
    </xdr:from>
    <xdr:to>
      <xdr:col>10</xdr:col>
      <xdr:colOff>114300</xdr:colOff>
      <xdr:row>78</xdr:row>
      <xdr:rowOff>164694</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1130300" y="13510247"/>
          <a:ext cx="889000" cy="27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9994</xdr:rowOff>
    </xdr:from>
    <xdr:to>
      <xdr:col>10</xdr:col>
      <xdr:colOff>165100</xdr:colOff>
      <xdr:row>78</xdr:row>
      <xdr:rowOff>80144</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1968500" y="133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96671</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1784428" y="13126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6356</xdr:rowOff>
    </xdr:from>
    <xdr:to>
      <xdr:col>6</xdr:col>
      <xdr:colOff>38100</xdr:colOff>
      <xdr:row>78</xdr:row>
      <xdr:rowOff>86506</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1079500" y="1335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3033</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895428" y="13133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62058</xdr:rowOff>
    </xdr:from>
    <xdr:to>
      <xdr:col>24</xdr:col>
      <xdr:colOff>114300</xdr:colOff>
      <xdr:row>78</xdr:row>
      <xdr:rowOff>163658</xdr:rowOff>
    </xdr:to>
    <xdr:sp macro="" textlink="">
      <xdr:nvSpPr>
        <xdr:cNvPr id="194" name="楕円 193">
          <a:extLst>
            <a:ext uri="{FF2B5EF4-FFF2-40B4-BE49-F238E27FC236}">
              <a16:creationId xmlns:a16="http://schemas.microsoft.com/office/drawing/2014/main" id="{00000000-0008-0000-0600-0000C2000000}"/>
            </a:ext>
          </a:extLst>
        </xdr:cNvPr>
        <xdr:cNvSpPr/>
      </xdr:nvSpPr>
      <xdr:spPr>
        <a:xfrm>
          <a:off x="4584700" y="13435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48435</xdr:rowOff>
    </xdr:from>
    <xdr:ext cx="469744" cy="259045"/>
    <xdr:sp macro="" textlink="">
      <xdr:nvSpPr>
        <xdr:cNvPr id="195" name="維持補修費該当値テキスト">
          <a:extLst>
            <a:ext uri="{FF2B5EF4-FFF2-40B4-BE49-F238E27FC236}">
              <a16:creationId xmlns:a16="http://schemas.microsoft.com/office/drawing/2014/main" id="{00000000-0008-0000-0600-0000C3000000}"/>
            </a:ext>
          </a:extLst>
        </xdr:cNvPr>
        <xdr:cNvSpPr txBox="1"/>
      </xdr:nvSpPr>
      <xdr:spPr>
        <a:xfrm>
          <a:off x="4686300" y="13350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9811</xdr:rowOff>
    </xdr:from>
    <xdr:to>
      <xdr:col>20</xdr:col>
      <xdr:colOff>38100</xdr:colOff>
      <xdr:row>78</xdr:row>
      <xdr:rowOff>171411</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3746500" y="13442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62538</xdr:rowOff>
    </xdr:from>
    <xdr:ext cx="469744"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3562428" y="13535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60040</xdr:rowOff>
    </xdr:from>
    <xdr:to>
      <xdr:col>15</xdr:col>
      <xdr:colOff>101600</xdr:colOff>
      <xdr:row>78</xdr:row>
      <xdr:rowOff>161640</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2857500" y="13433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52767</xdr:rowOff>
    </xdr:from>
    <xdr:ext cx="469744"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2673428" y="13525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6347</xdr:rowOff>
    </xdr:from>
    <xdr:to>
      <xdr:col>10</xdr:col>
      <xdr:colOff>165100</xdr:colOff>
      <xdr:row>79</xdr:row>
      <xdr:rowOff>16497</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1968500" y="13459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7624</xdr:rowOff>
    </xdr:from>
    <xdr:ext cx="469744" cy="25904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1784428" y="13552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3894</xdr:rowOff>
    </xdr:from>
    <xdr:to>
      <xdr:col>6</xdr:col>
      <xdr:colOff>38100</xdr:colOff>
      <xdr:row>79</xdr:row>
      <xdr:rowOff>44044</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1079500" y="13486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35171</xdr:rowOff>
    </xdr:from>
    <xdr:ext cx="469744" cy="25904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895428" y="13579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id="{00000000-0008-0000-06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扶助費グラフ枠">
          <a:extLst>
            <a:ext uri="{FF2B5EF4-FFF2-40B4-BE49-F238E27FC236}">
              <a16:creationId xmlns:a16="http://schemas.microsoft.com/office/drawing/2014/main" id="{00000000-0008-0000-06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88919</xdr:rowOff>
    </xdr:from>
    <xdr:to>
      <xdr:col>24</xdr:col>
      <xdr:colOff>62865</xdr:colOff>
      <xdr:row>98</xdr:row>
      <xdr:rowOff>158293</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flipV="1">
          <a:off x="4633595" y="15347969"/>
          <a:ext cx="1270" cy="1612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2120</xdr:rowOff>
    </xdr:from>
    <xdr:ext cx="534377" cy="259045"/>
    <xdr:sp macro="" textlink="">
      <xdr:nvSpPr>
        <xdr:cNvPr id="231" name="扶助費最小値テキスト">
          <a:extLst>
            <a:ext uri="{FF2B5EF4-FFF2-40B4-BE49-F238E27FC236}">
              <a16:creationId xmlns:a16="http://schemas.microsoft.com/office/drawing/2014/main" id="{00000000-0008-0000-0600-0000E7000000}"/>
            </a:ext>
          </a:extLst>
        </xdr:cNvPr>
        <xdr:cNvSpPr txBox="1"/>
      </xdr:nvSpPr>
      <xdr:spPr>
        <a:xfrm>
          <a:off x="4686300" y="16964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8293</xdr:rowOff>
    </xdr:from>
    <xdr:to>
      <xdr:col>24</xdr:col>
      <xdr:colOff>152400</xdr:colOff>
      <xdr:row>98</xdr:row>
      <xdr:rowOff>158293</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4546600" y="16960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35596</xdr:rowOff>
    </xdr:from>
    <xdr:ext cx="599010" cy="259045"/>
    <xdr:sp macro="" textlink="">
      <xdr:nvSpPr>
        <xdr:cNvPr id="233" name="扶助費最大値テキスト">
          <a:extLst>
            <a:ext uri="{FF2B5EF4-FFF2-40B4-BE49-F238E27FC236}">
              <a16:creationId xmlns:a16="http://schemas.microsoft.com/office/drawing/2014/main" id="{00000000-0008-0000-0600-0000E9000000}"/>
            </a:ext>
          </a:extLst>
        </xdr:cNvPr>
        <xdr:cNvSpPr txBox="1"/>
      </xdr:nvSpPr>
      <xdr:spPr>
        <a:xfrm>
          <a:off x="4686300" y="151231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88919</xdr:rowOff>
    </xdr:from>
    <xdr:to>
      <xdr:col>24</xdr:col>
      <xdr:colOff>152400</xdr:colOff>
      <xdr:row>89</xdr:row>
      <xdr:rowOff>88919</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4546600" y="15347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21478</xdr:rowOff>
    </xdr:from>
    <xdr:to>
      <xdr:col>24</xdr:col>
      <xdr:colOff>63500</xdr:colOff>
      <xdr:row>97</xdr:row>
      <xdr:rowOff>153405</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3797300" y="16580678"/>
          <a:ext cx="838200" cy="203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4801</xdr:rowOff>
    </xdr:from>
    <xdr:ext cx="534377" cy="259045"/>
    <xdr:sp macro="" textlink="">
      <xdr:nvSpPr>
        <xdr:cNvPr id="236" name="扶助費平均値テキスト">
          <a:extLst>
            <a:ext uri="{FF2B5EF4-FFF2-40B4-BE49-F238E27FC236}">
              <a16:creationId xmlns:a16="http://schemas.microsoft.com/office/drawing/2014/main" id="{00000000-0008-0000-0600-0000EC000000}"/>
            </a:ext>
          </a:extLst>
        </xdr:cNvPr>
        <xdr:cNvSpPr txBox="1"/>
      </xdr:nvSpPr>
      <xdr:spPr>
        <a:xfrm>
          <a:off x="4686300" y="161711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924</xdr:rowOff>
    </xdr:from>
    <xdr:to>
      <xdr:col>24</xdr:col>
      <xdr:colOff>114300</xdr:colOff>
      <xdr:row>95</xdr:row>
      <xdr:rowOff>133524</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4584700" y="16319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53405</xdr:rowOff>
    </xdr:from>
    <xdr:to>
      <xdr:col>19</xdr:col>
      <xdr:colOff>177800</xdr:colOff>
      <xdr:row>97</xdr:row>
      <xdr:rowOff>167393</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2908300" y="16784055"/>
          <a:ext cx="889000" cy="13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4889</xdr:rowOff>
    </xdr:from>
    <xdr:to>
      <xdr:col>20</xdr:col>
      <xdr:colOff>38100</xdr:colOff>
      <xdr:row>97</xdr:row>
      <xdr:rowOff>55039</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3746500" y="16584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71566</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3530111" y="16359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7393</xdr:rowOff>
    </xdr:from>
    <xdr:to>
      <xdr:col>15</xdr:col>
      <xdr:colOff>50800</xdr:colOff>
      <xdr:row>98</xdr:row>
      <xdr:rowOff>11956</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2019300" y="16798043"/>
          <a:ext cx="889000" cy="16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4061</xdr:rowOff>
    </xdr:from>
    <xdr:to>
      <xdr:col>15</xdr:col>
      <xdr:colOff>101600</xdr:colOff>
      <xdr:row>97</xdr:row>
      <xdr:rowOff>54211</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2857500" y="16583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0738</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2641111" y="16358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5386</xdr:rowOff>
    </xdr:from>
    <xdr:to>
      <xdr:col>10</xdr:col>
      <xdr:colOff>114300</xdr:colOff>
      <xdr:row>98</xdr:row>
      <xdr:rowOff>11956</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a:off x="1130300" y="16786036"/>
          <a:ext cx="889000" cy="28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4990</xdr:rowOff>
    </xdr:from>
    <xdr:to>
      <xdr:col>10</xdr:col>
      <xdr:colOff>165100</xdr:colOff>
      <xdr:row>97</xdr:row>
      <xdr:rowOff>65140</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1968500" y="16594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1667</xdr:rowOff>
    </xdr:from>
    <xdr:ext cx="534377"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752111" y="16369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0513</xdr:rowOff>
    </xdr:from>
    <xdr:to>
      <xdr:col>6</xdr:col>
      <xdr:colOff>38100</xdr:colOff>
      <xdr:row>97</xdr:row>
      <xdr:rowOff>80663</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1079500" y="16609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7190</xdr:rowOff>
    </xdr:from>
    <xdr:ext cx="534377"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863111" y="16384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678</xdr:rowOff>
    </xdr:from>
    <xdr:to>
      <xdr:col>24</xdr:col>
      <xdr:colOff>114300</xdr:colOff>
      <xdr:row>97</xdr:row>
      <xdr:rowOff>828</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4584700" y="16529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49105</xdr:rowOff>
    </xdr:from>
    <xdr:ext cx="534377" cy="259045"/>
    <xdr:sp macro="" textlink="">
      <xdr:nvSpPr>
        <xdr:cNvPr id="255" name="扶助費該当値テキスト">
          <a:extLst>
            <a:ext uri="{FF2B5EF4-FFF2-40B4-BE49-F238E27FC236}">
              <a16:creationId xmlns:a16="http://schemas.microsoft.com/office/drawing/2014/main" id="{00000000-0008-0000-0600-0000FF000000}"/>
            </a:ext>
          </a:extLst>
        </xdr:cNvPr>
        <xdr:cNvSpPr txBox="1"/>
      </xdr:nvSpPr>
      <xdr:spPr>
        <a:xfrm>
          <a:off x="4686300" y="16508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02605</xdr:rowOff>
    </xdr:from>
    <xdr:to>
      <xdr:col>20</xdr:col>
      <xdr:colOff>38100</xdr:colOff>
      <xdr:row>98</xdr:row>
      <xdr:rowOff>32755</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3746500" y="16733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23882</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3530111" y="16825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6593</xdr:rowOff>
    </xdr:from>
    <xdr:to>
      <xdr:col>15</xdr:col>
      <xdr:colOff>101600</xdr:colOff>
      <xdr:row>98</xdr:row>
      <xdr:rowOff>46743</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2857500" y="16747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7870</xdr:rowOff>
    </xdr:from>
    <xdr:ext cx="534377"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2641111" y="16839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2606</xdr:rowOff>
    </xdr:from>
    <xdr:to>
      <xdr:col>10</xdr:col>
      <xdr:colOff>165100</xdr:colOff>
      <xdr:row>98</xdr:row>
      <xdr:rowOff>62756</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1968500" y="16763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3883</xdr:rowOff>
    </xdr:from>
    <xdr:ext cx="534377" cy="25904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1752111" y="16855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4586</xdr:rowOff>
    </xdr:from>
    <xdr:to>
      <xdr:col>6</xdr:col>
      <xdr:colOff>38100</xdr:colOff>
      <xdr:row>98</xdr:row>
      <xdr:rowOff>34736</xdr:rowOff>
    </xdr:to>
    <xdr:sp macro="" textlink="">
      <xdr:nvSpPr>
        <xdr:cNvPr id="262" name="楕円 261">
          <a:extLst>
            <a:ext uri="{FF2B5EF4-FFF2-40B4-BE49-F238E27FC236}">
              <a16:creationId xmlns:a16="http://schemas.microsoft.com/office/drawing/2014/main" id="{00000000-0008-0000-0600-000006010000}"/>
            </a:ext>
          </a:extLst>
        </xdr:cNvPr>
        <xdr:cNvSpPr/>
      </xdr:nvSpPr>
      <xdr:spPr>
        <a:xfrm>
          <a:off x="1079500" y="16735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5863</xdr:rowOff>
    </xdr:from>
    <xdr:ext cx="534377" cy="259045"/>
    <xdr:sp macro="" textlink="">
      <xdr:nvSpPr>
        <xdr:cNvPr id="263" name="テキスト ボックス 262">
          <a:extLst>
            <a:ext uri="{FF2B5EF4-FFF2-40B4-BE49-F238E27FC236}">
              <a16:creationId xmlns:a16="http://schemas.microsoft.com/office/drawing/2014/main" id="{00000000-0008-0000-0600-000007010000}"/>
            </a:ext>
          </a:extLst>
        </xdr:cNvPr>
        <xdr:cNvSpPr txBox="1"/>
      </xdr:nvSpPr>
      <xdr:spPr>
        <a:xfrm>
          <a:off x="863111" y="16827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補助費等グラフ枠">
          <a:extLst>
            <a:ext uri="{FF2B5EF4-FFF2-40B4-BE49-F238E27FC236}">
              <a16:creationId xmlns:a16="http://schemas.microsoft.com/office/drawing/2014/main" id="{00000000-0008-0000-06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185</xdr:rowOff>
    </xdr:from>
    <xdr:to>
      <xdr:col>54</xdr:col>
      <xdr:colOff>189865</xdr:colOff>
      <xdr:row>38</xdr:row>
      <xdr:rowOff>40346</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flipV="1">
          <a:off x="10475595" y="5328135"/>
          <a:ext cx="1270" cy="1227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44173</xdr:rowOff>
    </xdr:from>
    <xdr:ext cx="534377" cy="259045"/>
    <xdr:sp macro="" textlink="">
      <xdr:nvSpPr>
        <xdr:cNvPr id="288" name="補助費等最小値テキスト">
          <a:extLst>
            <a:ext uri="{FF2B5EF4-FFF2-40B4-BE49-F238E27FC236}">
              <a16:creationId xmlns:a16="http://schemas.microsoft.com/office/drawing/2014/main" id="{00000000-0008-0000-0600-000020010000}"/>
            </a:ext>
          </a:extLst>
        </xdr:cNvPr>
        <xdr:cNvSpPr txBox="1"/>
      </xdr:nvSpPr>
      <xdr:spPr>
        <a:xfrm>
          <a:off x="10528300" y="6559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40346</xdr:rowOff>
    </xdr:from>
    <xdr:to>
      <xdr:col>55</xdr:col>
      <xdr:colOff>88900</xdr:colOff>
      <xdr:row>38</xdr:row>
      <xdr:rowOff>40346</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10388600" y="6555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1312</xdr:rowOff>
    </xdr:from>
    <xdr:ext cx="599010" cy="259045"/>
    <xdr:sp macro="" textlink="">
      <xdr:nvSpPr>
        <xdr:cNvPr id="290" name="補助費等最大値テキスト">
          <a:extLst>
            <a:ext uri="{FF2B5EF4-FFF2-40B4-BE49-F238E27FC236}">
              <a16:creationId xmlns:a16="http://schemas.microsoft.com/office/drawing/2014/main" id="{00000000-0008-0000-0600-000022010000}"/>
            </a:ext>
          </a:extLst>
        </xdr:cNvPr>
        <xdr:cNvSpPr txBox="1"/>
      </xdr:nvSpPr>
      <xdr:spPr>
        <a:xfrm>
          <a:off x="10528300" y="51033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3185</xdr:rowOff>
    </xdr:from>
    <xdr:to>
      <xdr:col>55</xdr:col>
      <xdr:colOff>88900</xdr:colOff>
      <xdr:row>31</xdr:row>
      <xdr:rowOff>13185</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5328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07628</xdr:rowOff>
    </xdr:from>
    <xdr:to>
      <xdr:col>55</xdr:col>
      <xdr:colOff>0</xdr:colOff>
      <xdr:row>36</xdr:row>
      <xdr:rowOff>162568</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9639300" y="5936928"/>
          <a:ext cx="838200" cy="397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69922</xdr:rowOff>
    </xdr:from>
    <xdr:ext cx="599010" cy="259045"/>
    <xdr:sp macro="" textlink="">
      <xdr:nvSpPr>
        <xdr:cNvPr id="293" name="補助費等平均値テキスト">
          <a:extLst>
            <a:ext uri="{FF2B5EF4-FFF2-40B4-BE49-F238E27FC236}">
              <a16:creationId xmlns:a16="http://schemas.microsoft.com/office/drawing/2014/main" id="{00000000-0008-0000-0600-000025010000}"/>
            </a:ext>
          </a:extLst>
        </xdr:cNvPr>
        <xdr:cNvSpPr txBox="1"/>
      </xdr:nvSpPr>
      <xdr:spPr>
        <a:xfrm>
          <a:off x="10528300" y="599922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7045</xdr:rowOff>
    </xdr:from>
    <xdr:to>
      <xdr:col>55</xdr:col>
      <xdr:colOff>50800</xdr:colOff>
      <xdr:row>36</xdr:row>
      <xdr:rowOff>77195</xdr:rowOff>
    </xdr:to>
    <xdr:sp macro="" textlink="">
      <xdr:nvSpPr>
        <xdr:cNvPr id="294" name="フローチャート: 判断 293">
          <a:extLst>
            <a:ext uri="{FF2B5EF4-FFF2-40B4-BE49-F238E27FC236}">
              <a16:creationId xmlns:a16="http://schemas.microsoft.com/office/drawing/2014/main" id="{00000000-0008-0000-0600-000026010000}"/>
            </a:ext>
          </a:extLst>
        </xdr:cNvPr>
        <xdr:cNvSpPr/>
      </xdr:nvSpPr>
      <xdr:spPr>
        <a:xfrm>
          <a:off x="10426700" y="6147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07628</xdr:rowOff>
    </xdr:from>
    <xdr:to>
      <xdr:col>50</xdr:col>
      <xdr:colOff>114300</xdr:colOff>
      <xdr:row>37</xdr:row>
      <xdr:rowOff>64894</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8750300" y="5936928"/>
          <a:ext cx="889000" cy="471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3</xdr:row>
      <xdr:rowOff>129057</xdr:rowOff>
    </xdr:from>
    <xdr:to>
      <xdr:col>50</xdr:col>
      <xdr:colOff>165100</xdr:colOff>
      <xdr:row>34</xdr:row>
      <xdr:rowOff>59207</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9588500" y="5786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75734</xdr:rowOff>
    </xdr:from>
    <xdr:ext cx="599010"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9339795" y="5562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69513</xdr:rowOff>
    </xdr:from>
    <xdr:to>
      <xdr:col>45</xdr:col>
      <xdr:colOff>177800</xdr:colOff>
      <xdr:row>37</xdr:row>
      <xdr:rowOff>64894</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a:off x="7861300" y="6341713"/>
          <a:ext cx="889000" cy="66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72262</xdr:rowOff>
    </xdr:from>
    <xdr:to>
      <xdr:col>46</xdr:col>
      <xdr:colOff>38100</xdr:colOff>
      <xdr:row>37</xdr:row>
      <xdr:rowOff>2412</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8699500" y="6244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18939</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8450795" y="60196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69513</xdr:rowOff>
    </xdr:from>
    <xdr:to>
      <xdr:col>41</xdr:col>
      <xdr:colOff>50800</xdr:colOff>
      <xdr:row>37</xdr:row>
      <xdr:rowOff>11433</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6972300" y="6341713"/>
          <a:ext cx="889000" cy="13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74914</xdr:rowOff>
    </xdr:from>
    <xdr:to>
      <xdr:col>41</xdr:col>
      <xdr:colOff>101600</xdr:colOff>
      <xdr:row>37</xdr:row>
      <xdr:rowOff>5064</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7810500" y="6247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21591</xdr:rowOff>
    </xdr:from>
    <xdr:ext cx="59901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561795" y="60223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5057</xdr:rowOff>
    </xdr:from>
    <xdr:to>
      <xdr:col>36</xdr:col>
      <xdr:colOff>165100</xdr:colOff>
      <xdr:row>36</xdr:row>
      <xdr:rowOff>166657</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6921500" y="623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11734</xdr:rowOff>
    </xdr:from>
    <xdr:ext cx="59901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6672795" y="6012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11768</xdr:rowOff>
    </xdr:from>
    <xdr:to>
      <xdr:col>55</xdr:col>
      <xdr:colOff>50800</xdr:colOff>
      <xdr:row>37</xdr:row>
      <xdr:rowOff>41918</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10426700" y="6283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90195</xdr:rowOff>
    </xdr:from>
    <xdr:ext cx="599010" cy="259045"/>
    <xdr:sp macro="" textlink="">
      <xdr:nvSpPr>
        <xdr:cNvPr id="312" name="補助費等該当値テキスト">
          <a:extLst>
            <a:ext uri="{FF2B5EF4-FFF2-40B4-BE49-F238E27FC236}">
              <a16:creationId xmlns:a16="http://schemas.microsoft.com/office/drawing/2014/main" id="{00000000-0008-0000-0600-000038010000}"/>
            </a:ext>
          </a:extLst>
        </xdr:cNvPr>
        <xdr:cNvSpPr txBox="1"/>
      </xdr:nvSpPr>
      <xdr:spPr>
        <a:xfrm>
          <a:off x="10528300" y="62623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56828</xdr:rowOff>
    </xdr:from>
    <xdr:to>
      <xdr:col>50</xdr:col>
      <xdr:colOff>165100</xdr:colOff>
      <xdr:row>34</xdr:row>
      <xdr:rowOff>158428</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9588500" y="588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149555</xdr:rowOff>
    </xdr:from>
    <xdr:ext cx="59901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9339795" y="59788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4094</xdr:rowOff>
    </xdr:from>
    <xdr:to>
      <xdr:col>46</xdr:col>
      <xdr:colOff>38100</xdr:colOff>
      <xdr:row>37</xdr:row>
      <xdr:rowOff>115694</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8699500" y="6357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06821</xdr:rowOff>
    </xdr:from>
    <xdr:ext cx="534377"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8483111" y="6450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18713</xdr:rowOff>
    </xdr:from>
    <xdr:to>
      <xdr:col>41</xdr:col>
      <xdr:colOff>101600</xdr:colOff>
      <xdr:row>37</xdr:row>
      <xdr:rowOff>48863</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7810500" y="6290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7</xdr:row>
      <xdr:rowOff>39990</xdr:rowOff>
    </xdr:from>
    <xdr:ext cx="599010"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7561795" y="6383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2083</xdr:rowOff>
    </xdr:from>
    <xdr:to>
      <xdr:col>36</xdr:col>
      <xdr:colOff>165100</xdr:colOff>
      <xdr:row>37</xdr:row>
      <xdr:rowOff>62233</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6921500" y="6304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53360</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6705111" y="6397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44434</xdr:rowOff>
    </xdr:from>
    <xdr:ext cx="59541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08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60762</xdr:rowOff>
    </xdr:from>
    <xdr:ext cx="59541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08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a:extLst>
            <a:ext uri="{FF2B5EF4-FFF2-40B4-BE49-F238E27FC236}">
              <a16:creationId xmlns:a16="http://schemas.microsoft.com/office/drawing/2014/main" id="{00000000-0008-0000-0600-000059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69180</xdr:rowOff>
    </xdr:from>
    <xdr:to>
      <xdr:col>54</xdr:col>
      <xdr:colOff>189865</xdr:colOff>
      <xdr:row>59</xdr:row>
      <xdr:rowOff>40374</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10475595" y="8741680"/>
          <a:ext cx="1270" cy="14142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4201</xdr:rowOff>
    </xdr:from>
    <xdr:ext cx="534377" cy="259045"/>
    <xdr:sp macro="" textlink="">
      <xdr:nvSpPr>
        <xdr:cNvPr id="347" name="普通建設事業費最小値テキスト">
          <a:extLst>
            <a:ext uri="{FF2B5EF4-FFF2-40B4-BE49-F238E27FC236}">
              <a16:creationId xmlns:a16="http://schemas.microsoft.com/office/drawing/2014/main" id="{00000000-0008-0000-0600-00005B010000}"/>
            </a:ext>
          </a:extLst>
        </xdr:cNvPr>
        <xdr:cNvSpPr txBox="1"/>
      </xdr:nvSpPr>
      <xdr:spPr>
        <a:xfrm>
          <a:off x="10528300" y="10159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0374</xdr:rowOff>
    </xdr:from>
    <xdr:to>
      <xdr:col>55</xdr:col>
      <xdr:colOff>88900</xdr:colOff>
      <xdr:row>59</xdr:row>
      <xdr:rowOff>40374</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10155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5857</xdr:rowOff>
    </xdr:from>
    <xdr:ext cx="599010" cy="259045"/>
    <xdr:sp macro="" textlink="">
      <xdr:nvSpPr>
        <xdr:cNvPr id="349" name="普通建設事業費最大値テキスト">
          <a:extLst>
            <a:ext uri="{FF2B5EF4-FFF2-40B4-BE49-F238E27FC236}">
              <a16:creationId xmlns:a16="http://schemas.microsoft.com/office/drawing/2014/main" id="{00000000-0008-0000-0600-00005D010000}"/>
            </a:ext>
          </a:extLst>
        </xdr:cNvPr>
        <xdr:cNvSpPr txBox="1"/>
      </xdr:nvSpPr>
      <xdr:spPr>
        <a:xfrm>
          <a:off x="10528300" y="85169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69180</xdr:rowOff>
    </xdr:from>
    <xdr:to>
      <xdr:col>55</xdr:col>
      <xdr:colOff>88900</xdr:colOff>
      <xdr:row>50</xdr:row>
      <xdr:rowOff>16918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8741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5388</xdr:rowOff>
    </xdr:from>
    <xdr:to>
      <xdr:col>55</xdr:col>
      <xdr:colOff>0</xdr:colOff>
      <xdr:row>59</xdr:row>
      <xdr:rowOff>25351</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9639300" y="10019488"/>
          <a:ext cx="838200" cy="121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33325</xdr:rowOff>
    </xdr:from>
    <xdr:ext cx="599010" cy="259045"/>
    <xdr:sp macro="" textlink="">
      <xdr:nvSpPr>
        <xdr:cNvPr id="352" name="普通建設事業費平均値テキスト">
          <a:extLst>
            <a:ext uri="{FF2B5EF4-FFF2-40B4-BE49-F238E27FC236}">
              <a16:creationId xmlns:a16="http://schemas.microsoft.com/office/drawing/2014/main" id="{00000000-0008-0000-0600-000060010000}"/>
            </a:ext>
          </a:extLst>
        </xdr:cNvPr>
        <xdr:cNvSpPr txBox="1"/>
      </xdr:nvSpPr>
      <xdr:spPr>
        <a:xfrm>
          <a:off x="10528300" y="956307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0448</xdr:rowOff>
    </xdr:from>
    <xdr:to>
      <xdr:col>55</xdr:col>
      <xdr:colOff>50800</xdr:colOff>
      <xdr:row>57</xdr:row>
      <xdr:rowOff>40598</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10426700" y="9711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21813</xdr:rowOff>
    </xdr:from>
    <xdr:to>
      <xdr:col>50</xdr:col>
      <xdr:colOff>114300</xdr:colOff>
      <xdr:row>58</xdr:row>
      <xdr:rowOff>75388</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8750300" y="9894463"/>
          <a:ext cx="889000" cy="125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2937</xdr:rowOff>
    </xdr:from>
    <xdr:to>
      <xdr:col>50</xdr:col>
      <xdr:colOff>165100</xdr:colOff>
      <xdr:row>57</xdr:row>
      <xdr:rowOff>83087</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9588500" y="9754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99614</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9339795" y="95293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21813</xdr:rowOff>
    </xdr:from>
    <xdr:to>
      <xdr:col>45</xdr:col>
      <xdr:colOff>177800</xdr:colOff>
      <xdr:row>59</xdr:row>
      <xdr:rowOff>30158</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7861300" y="9894463"/>
          <a:ext cx="889000" cy="251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88446</xdr:rowOff>
    </xdr:from>
    <xdr:to>
      <xdr:col>46</xdr:col>
      <xdr:colOff>38100</xdr:colOff>
      <xdr:row>57</xdr:row>
      <xdr:rowOff>18596</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8699500" y="9689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35123</xdr:rowOff>
    </xdr:from>
    <xdr:ext cx="59901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450795" y="94648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30158</xdr:rowOff>
    </xdr:from>
    <xdr:to>
      <xdr:col>41</xdr:col>
      <xdr:colOff>50800</xdr:colOff>
      <xdr:row>59</xdr:row>
      <xdr:rowOff>60040</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flipV="1">
          <a:off x="6972300" y="10145708"/>
          <a:ext cx="889000" cy="29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5811</xdr:rowOff>
    </xdr:from>
    <xdr:to>
      <xdr:col>41</xdr:col>
      <xdr:colOff>101600</xdr:colOff>
      <xdr:row>57</xdr:row>
      <xdr:rowOff>95961</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7810500" y="9767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5</xdr:row>
      <xdr:rowOff>112488</xdr:rowOff>
    </xdr:from>
    <xdr:ext cx="59901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561795" y="95422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626</xdr:rowOff>
    </xdr:from>
    <xdr:to>
      <xdr:col>36</xdr:col>
      <xdr:colOff>165100</xdr:colOff>
      <xdr:row>57</xdr:row>
      <xdr:rowOff>113226</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6921500" y="9784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129753</xdr:rowOff>
    </xdr:from>
    <xdr:ext cx="59901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6672795" y="95595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6001</xdr:rowOff>
    </xdr:from>
    <xdr:to>
      <xdr:col>55</xdr:col>
      <xdr:colOff>50800</xdr:colOff>
      <xdr:row>59</xdr:row>
      <xdr:rowOff>76151</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10426700" y="10090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60928</xdr:rowOff>
    </xdr:from>
    <xdr:ext cx="534377" cy="259045"/>
    <xdr:sp macro="" textlink="">
      <xdr:nvSpPr>
        <xdr:cNvPr id="371" name="普通建設事業費該当値テキスト">
          <a:extLst>
            <a:ext uri="{FF2B5EF4-FFF2-40B4-BE49-F238E27FC236}">
              <a16:creationId xmlns:a16="http://schemas.microsoft.com/office/drawing/2014/main" id="{00000000-0008-0000-0600-000073010000}"/>
            </a:ext>
          </a:extLst>
        </xdr:cNvPr>
        <xdr:cNvSpPr txBox="1"/>
      </xdr:nvSpPr>
      <xdr:spPr>
        <a:xfrm>
          <a:off x="10528300" y="10005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4588</xdr:rowOff>
    </xdr:from>
    <xdr:to>
      <xdr:col>50</xdr:col>
      <xdr:colOff>165100</xdr:colOff>
      <xdr:row>58</xdr:row>
      <xdr:rowOff>126188</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9588500" y="9968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17315</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9372111" y="10061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71013</xdr:rowOff>
    </xdr:from>
    <xdr:to>
      <xdr:col>46</xdr:col>
      <xdr:colOff>38100</xdr:colOff>
      <xdr:row>58</xdr:row>
      <xdr:rowOff>1163</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8699500" y="9843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63740</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8483111" y="9936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50808</xdr:rowOff>
    </xdr:from>
    <xdr:to>
      <xdr:col>41</xdr:col>
      <xdr:colOff>101600</xdr:colOff>
      <xdr:row>59</xdr:row>
      <xdr:rowOff>80958</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7810500" y="10094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72085</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7594111" y="10187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9240</xdr:rowOff>
    </xdr:from>
    <xdr:to>
      <xdr:col>36</xdr:col>
      <xdr:colOff>165100</xdr:colOff>
      <xdr:row>59</xdr:row>
      <xdr:rowOff>110840</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6921500" y="1012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101967</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6705111" y="10217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22768</xdr:rowOff>
    </xdr:from>
    <xdr:to>
      <xdr:col>54</xdr:col>
      <xdr:colOff>189865</xdr:colOff>
      <xdr:row>79</xdr:row>
      <xdr:rowOff>4445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10475595" y="12124268"/>
          <a:ext cx="1270" cy="1464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4" name="普通建設事業費 （ うち新規整備　）最小値テキスト">
          <a:extLst>
            <a:ext uri="{FF2B5EF4-FFF2-40B4-BE49-F238E27FC236}">
              <a16:creationId xmlns:a16="http://schemas.microsoft.com/office/drawing/2014/main" id="{00000000-0008-0000-0600-000094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9445</xdr:rowOff>
    </xdr:from>
    <xdr:ext cx="599010" cy="259045"/>
    <xdr:sp macro="" textlink="">
      <xdr:nvSpPr>
        <xdr:cNvPr id="406" name="普通建設事業費 （ うち新規整備　）最大値テキスト">
          <a:extLst>
            <a:ext uri="{FF2B5EF4-FFF2-40B4-BE49-F238E27FC236}">
              <a16:creationId xmlns:a16="http://schemas.microsoft.com/office/drawing/2014/main" id="{00000000-0008-0000-0600-000096010000}"/>
            </a:ext>
          </a:extLst>
        </xdr:cNvPr>
        <xdr:cNvSpPr txBox="1"/>
      </xdr:nvSpPr>
      <xdr:spPr>
        <a:xfrm>
          <a:off x="10528300" y="118994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22768</xdr:rowOff>
    </xdr:from>
    <xdr:to>
      <xdr:col>55</xdr:col>
      <xdr:colOff>88900</xdr:colOff>
      <xdr:row>70</xdr:row>
      <xdr:rowOff>122768</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2124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10282</xdr:rowOff>
    </xdr:from>
    <xdr:to>
      <xdr:col>55</xdr:col>
      <xdr:colOff>0</xdr:colOff>
      <xdr:row>79</xdr:row>
      <xdr:rowOff>28566</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9639300" y="13554832"/>
          <a:ext cx="838200" cy="18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8739</xdr:rowOff>
    </xdr:from>
    <xdr:ext cx="534377" cy="259045"/>
    <xdr:sp macro="" textlink="">
      <xdr:nvSpPr>
        <xdr:cNvPr id="409" name="普通建設事業費 （ うち新規整備　）平均値テキスト">
          <a:extLst>
            <a:ext uri="{FF2B5EF4-FFF2-40B4-BE49-F238E27FC236}">
              <a16:creationId xmlns:a16="http://schemas.microsoft.com/office/drawing/2014/main" id="{00000000-0008-0000-0600-000099010000}"/>
            </a:ext>
          </a:extLst>
        </xdr:cNvPr>
        <xdr:cNvSpPr txBox="1"/>
      </xdr:nvSpPr>
      <xdr:spPr>
        <a:xfrm>
          <a:off x="10528300" y="132303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862</xdr:rowOff>
    </xdr:from>
    <xdr:to>
      <xdr:col>55</xdr:col>
      <xdr:colOff>50800</xdr:colOff>
      <xdr:row>78</xdr:row>
      <xdr:rowOff>107462</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10426700" y="13378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08516</xdr:rowOff>
    </xdr:from>
    <xdr:to>
      <xdr:col>50</xdr:col>
      <xdr:colOff>114300</xdr:colOff>
      <xdr:row>79</xdr:row>
      <xdr:rowOff>10282</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8750300" y="13481616"/>
          <a:ext cx="889000" cy="73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6308</xdr:rowOff>
    </xdr:from>
    <xdr:to>
      <xdr:col>50</xdr:col>
      <xdr:colOff>165100</xdr:colOff>
      <xdr:row>78</xdr:row>
      <xdr:rowOff>117908</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9588500" y="13389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4435</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372111" y="13164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08516</xdr:rowOff>
    </xdr:from>
    <xdr:to>
      <xdr:col>45</xdr:col>
      <xdr:colOff>177800</xdr:colOff>
      <xdr:row>79</xdr:row>
      <xdr:rowOff>40294</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7861300" y="13481616"/>
          <a:ext cx="889000" cy="103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43025</xdr:rowOff>
    </xdr:from>
    <xdr:to>
      <xdr:col>46</xdr:col>
      <xdr:colOff>38100</xdr:colOff>
      <xdr:row>78</xdr:row>
      <xdr:rowOff>73175</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8699500" y="13344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89702</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483111" y="13119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40294</xdr:rowOff>
    </xdr:from>
    <xdr:to>
      <xdr:col>41</xdr:col>
      <xdr:colOff>50800</xdr:colOff>
      <xdr:row>79</xdr:row>
      <xdr:rowOff>42301</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6972300" y="13584844"/>
          <a:ext cx="889000" cy="2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496</xdr:rowOff>
    </xdr:from>
    <xdr:to>
      <xdr:col>41</xdr:col>
      <xdr:colOff>101600</xdr:colOff>
      <xdr:row>78</xdr:row>
      <xdr:rowOff>111096</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7810500" y="13382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27623</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594111" y="13157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794</xdr:rowOff>
    </xdr:from>
    <xdr:to>
      <xdr:col>36</xdr:col>
      <xdr:colOff>165100</xdr:colOff>
      <xdr:row>78</xdr:row>
      <xdr:rowOff>106394</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6921500" y="13377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2921</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05111" y="13153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9216</xdr:rowOff>
    </xdr:from>
    <xdr:to>
      <xdr:col>55</xdr:col>
      <xdr:colOff>50800</xdr:colOff>
      <xdr:row>79</xdr:row>
      <xdr:rowOff>79366</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10426700" y="13522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64143</xdr:rowOff>
    </xdr:from>
    <xdr:ext cx="469744" cy="259045"/>
    <xdr:sp macro="" textlink="">
      <xdr:nvSpPr>
        <xdr:cNvPr id="428" name="普通建設事業費 （ うち新規整備　）該当値テキスト">
          <a:extLst>
            <a:ext uri="{FF2B5EF4-FFF2-40B4-BE49-F238E27FC236}">
              <a16:creationId xmlns:a16="http://schemas.microsoft.com/office/drawing/2014/main" id="{00000000-0008-0000-0600-0000AC010000}"/>
            </a:ext>
          </a:extLst>
        </xdr:cNvPr>
        <xdr:cNvSpPr txBox="1"/>
      </xdr:nvSpPr>
      <xdr:spPr>
        <a:xfrm>
          <a:off x="10528300" y="13437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0932</xdr:rowOff>
    </xdr:from>
    <xdr:to>
      <xdr:col>50</xdr:col>
      <xdr:colOff>165100</xdr:colOff>
      <xdr:row>79</xdr:row>
      <xdr:rowOff>61082</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9588500" y="13504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52209</xdr:rowOff>
    </xdr:from>
    <xdr:ext cx="469744"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9404428" y="13596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57716</xdr:rowOff>
    </xdr:from>
    <xdr:to>
      <xdr:col>46</xdr:col>
      <xdr:colOff>38100</xdr:colOff>
      <xdr:row>78</xdr:row>
      <xdr:rowOff>159316</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8699500" y="13430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50443</xdr:rowOff>
    </xdr:from>
    <xdr:ext cx="534377"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8483111" y="13523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60944</xdr:rowOff>
    </xdr:from>
    <xdr:to>
      <xdr:col>41</xdr:col>
      <xdr:colOff>101600</xdr:colOff>
      <xdr:row>79</xdr:row>
      <xdr:rowOff>91094</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7810500" y="13534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82221</xdr:rowOff>
    </xdr:from>
    <xdr:ext cx="469744"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7626428" y="1362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2951</xdr:rowOff>
    </xdr:from>
    <xdr:to>
      <xdr:col>36</xdr:col>
      <xdr:colOff>165100</xdr:colOff>
      <xdr:row>79</xdr:row>
      <xdr:rowOff>93101</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6921500" y="13536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84228</xdr:rowOff>
    </xdr:from>
    <xdr:ext cx="378565"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6783017" y="136287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普通建設事業費 （ うち更新整備　）グラフ枠">
          <a:extLst>
            <a:ext uri="{FF2B5EF4-FFF2-40B4-BE49-F238E27FC236}">
              <a16:creationId xmlns:a16="http://schemas.microsoft.com/office/drawing/2014/main" id="{00000000-0008-0000-06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9633</xdr:rowOff>
    </xdr:from>
    <xdr:to>
      <xdr:col>54</xdr:col>
      <xdr:colOff>189865</xdr:colOff>
      <xdr:row>98</xdr:row>
      <xdr:rowOff>106818</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10475595" y="15600133"/>
          <a:ext cx="1270" cy="13087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645</xdr:rowOff>
    </xdr:from>
    <xdr:ext cx="469744" cy="259045"/>
    <xdr:sp macro="" textlink="">
      <xdr:nvSpPr>
        <xdr:cNvPr id="459" name="普通建設事業費 （ うち更新整備　）最小値テキスト">
          <a:extLst>
            <a:ext uri="{FF2B5EF4-FFF2-40B4-BE49-F238E27FC236}">
              <a16:creationId xmlns:a16="http://schemas.microsoft.com/office/drawing/2014/main" id="{00000000-0008-0000-0600-0000CB010000}"/>
            </a:ext>
          </a:extLst>
        </xdr:cNvPr>
        <xdr:cNvSpPr txBox="1"/>
      </xdr:nvSpPr>
      <xdr:spPr>
        <a:xfrm>
          <a:off x="10528300" y="16912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6818</xdr:rowOff>
    </xdr:from>
    <xdr:to>
      <xdr:col>55</xdr:col>
      <xdr:colOff>88900</xdr:colOff>
      <xdr:row>98</xdr:row>
      <xdr:rowOff>106818</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10388600" y="16908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6310</xdr:rowOff>
    </xdr:from>
    <xdr:ext cx="599010" cy="259045"/>
    <xdr:sp macro="" textlink="">
      <xdr:nvSpPr>
        <xdr:cNvPr id="461" name="普通建設事業費 （ うち更新整備　）最大値テキスト">
          <a:extLst>
            <a:ext uri="{FF2B5EF4-FFF2-40B4-BE49-F238E27FC236}">
              <a16:creationId xmlns:a16="http://schemas.microsoft.com/office/drawing/2014/main" id="{00000000-0008-0000-0600-0000CD010000}"/>
            </a:ext>
          </a:extLst>
        </xdr:cNvPr>
        <xdr:cNvSpPr txBox="1"/>
      </xdr:nvSpPr>
      <xdr:spPr>
        <a:xfrm>
          <a:off x="10528300" y="15375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69633</xdr:rowOff>
    </xdr:from>
    <xdr:to>
      <xdr:col>55</xdr:col>
      <xdr:colOff>88900</xdr:colOff>
      <xdr:row>90</xdr:row>
      <xdr:rowOff>169633</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10388600" y="15600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8871</xdr:rowOff>
    </xdr:from>
    <xdr:to>
      <xdr:col>55</xdr:col>
      <xdr:colOff>0</xdr:colOff>
      <xdr:row>98</xdr:row>
      <xdr:rowOff>79629</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9639300" y="16729521"/>
          <a:ext cx="838200" cy="152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93863</xdr:rowOff>
    </xdr:from>
    <xdr:ext cx="534377" cy="259045"/>
    <xdr:sp macro="" textlink="">
      <xdr:nvSpPr>
        <xdr:cNvPr id="464" name="普通建設事業費 （ うち更新整備　）平均値テキスト">
          <a:extLst>
            <a:ext uri="{FF2B5EF4-FFF2-40B4-BE49-F238E27FC236}">
              <a16:creationId xmlns:a16="http://schemas.microsoft.com/office/drawing/2014/main" id="{00000000-0008-0000-0600-0000D0010000}"/>
            </a:ext>
          </a:extLst>
        </xdr:cNvPr>
        <xdr:cNvSpPr txBox="1"/>
      </xdr:nvSpPr>
      <xdr:spPr>
        <a:xfrm>
          <a:off x="10528300" y="163816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0986</xdr:rowOff>
    </xdr:from>
    <xdr:to>
      <xdr:col>55</xdr:col>
      <xdr:colOff>50800</xdr:colOff>
      <xdr:row>97</xdr:row>
      <xdr:rowOff>1136</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10426700" y="16530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98871</xdr:rowOff>
    </xdr:from>
    <xdr:to>
      <xdr:col>50</xdr:col>
      <xdr:colOff>114300</xdr:colOff>
      <xdr:row>97</xdr:row>
      <xdr:rowOff>99237</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flipV="1">
          <a:off x="8750300" y="16729521"/>
          <a:ext cx="889000" cy="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9434</xdr:rowOff>
    </xdr:from>
    <xdr:to>
      <xdr:col>50</xdr:col>
      <xdr:colOff>165100</xdr:colOff>
      <xdr:row>97</xdr:row>
      <xdr:rowOff>29584</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9588500" y="1655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6111</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9372111" y="16333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99237</xdr:rowOff>
    </xdr:from>
    <xdr:to>
      <xdr:col>45</xdr:col>
      <xdr:colOff>177800</xdr:colOff>
      <xdr:row>98</xdr:row>
      <xdr:rowOff>50377</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7861300" y="16729887"/>
          <a:ext cx="889000" cy="122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4115</xdr:rowOff>
    </xdr:from>
    <xdr:to>
      <xdr:col>46</xdr:col>
      <xdr:colOff>38100</xdr:colOff>
      <xdr:row>97</xdr:row>
      <xdr:rowOff>4265</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8699500" y="16533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0792</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483111" y="16308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0377</xdr:rowOff>
    </xdr:from>
    <xdr:to>
      <xdr:col>41</xdr:col>
      <xdr:colOff>50800</xdr:colOff>
      <xdr:row>98</xdr:row>
      <xdr:rowOff>88370</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flipV="1">
          <a:off x="6972300" y="16852477"/>
          <a:ext cx="889000" cy="37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28997</xdr:rowOff>
    </xdr:from>
    <xdr:to>
      <xdr:col>41</xdr:col>
      <xdr:colOff>101600</xdr:colOff>
      <xdr:row>97</xdr:row>
      <xdr:rowOff>59147</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7810500" y="16588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75674</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7594111" y="16363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2697</xdr:rowOff>
    </xdr:from>
    <xdr:to>
      <xdr:col>36</xdr:col>
      <xdr:colOff>165100</xdr:colOff>
      <xdr:row>97</xdr:row>
      <xdr:rowOff>92847</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6921500" y="16621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9374</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6705111" y="16397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28829</xdr:rowOff>
    </xdr:from>
    <xdr:to>
      <xdr:col>55</xdr:col>
      <xdr:colOff>50800</xdr:colOff>
      <xdr:row>98</xdr:row>
      <xdr:rowOff>130429</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10426700" y="16830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5206</xdr:rowOff>
    </xdr:from>
    <xdr:ext cx="534377" cy="259045"/>
    <xdr:sp macro="" textlink="">
      <xdr:nvSpPr>
        <xdr:cNvPr id="483" name="普通建設事業費 （ うち更新整備　）該当値テキスト">
          <a:extLst>
            <a:ext uri="{FF2B5EF4-FFF2-40B4-BE49-F238E27FC236}">
              <a16:creationId xmlns:a16="http://schemas.microsoft.com/office/drawing/2014/main" id="{00000000-0008-0000-0600-0000E3010000}"/>
            </a:ext>
          </a:extLst>
        </xdr:cNvPr>
        <xdr:cNvSpPr txBox="1"/>
      </xdr:nvSpPr>
      <xdr:spPr>
        <a:xfrm>
          <a:off x="10528300" y="16745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48071</xdr:rowOff>
    </xdr:from>
    <xdr:to>
      <xdr:col>50</xdr:col>
      <xdr:colOff>165100</xdr:colOff>
      <xdr:row>97</xdr:row>
      <xdr:rowOff>149671</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9588500" y="16678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40798</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9372111" y="1677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48437</xdr:rowOff>
    </xdr:from>
    <xdr:to>
      <xdr:col>46</xdr:col>
      <xdr:colOff>38100</xdr:colOff>
      <xdr:row>97</xdr:row>
      <xdr:rowOff>150037</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8699500" y="16679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1164</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8483111" y="16771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71027</xdr:rowOff>
    </xdr:from>
    <xdr:to>
      <xdr:col>41</xdr:col>
      <xdr:colOff>101600</xdr:colOff>
      <xdr:row>98</xdr:row>
      <xdr:rowOff>101177</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7810500" y="16801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92304</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7594111" y="16894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7570</xdr:rowOff>
    </xdr:from>
    <xdr:to>
      <xdr:col>36</xdr:col>
      <xdr:colOff>165100</xdr:colOff>
      <xdr:row>98</xdr:row>
      <xdr:rowOff>139170</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6921500" y="16839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30297</xdr:rowOff>
    </xdr:from>
    <xdr:ext cx="534377"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6705111" y="16932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5</xdr:row>
      <xdr:rowOff>54627</xdr:rowOff>
    </xdr:from>
    <xdr:ext cx="59541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850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111777</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168927</xdr:rowOff>
    </xdr:from>
    <xdr:ext cx="59541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850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a:extLst>
            <a:ext uri="{FF2B5EF4-FFF2-40B4-BE49-F238E27FC236}">
              <a16:creationId xmlns:a16="http://schemas.microsoft.com/office/drawing/2014/main" id="{00000000-0008-0000-06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90546</xdr:rowOff>
    </xdr:from>
    <xdr:to>
      <xdr:col>85</xdr:col>
      <xdr:colOff>126364</xdr:colOff>
      <xdr:row>38</xdr:row>
      <xdr:rowOff>1397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flipV="1">
          <a:off x="16317595" y="5576946"/>
          <a:ext cx="1269" cy="10778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8209</xdr:rowOff>
    </xdr:from>
    <xdr:ext cx="249299" cy="259045"/>
    <xdr:sp macro="" textlink="">
      <xdr:nvSpPr>
        <xdr:cNvPr id="514" name="災害復旧事業費最小値テキスト">
          <a:extLst>
            <a:ext uri="{FF2B5EF4-FFF2-40B4-BE49-F238E27FC236}">
              <a16:creationId xmlns:a16="http://schemas.microsoft.com/office/drawing/2014/main" id="{00000000-0008-0000-0600-000002020000}"/>
            </a:ext>
          </a:extLst>
        </xdr:cNvPr>
        <xdr:cNvSpPr txBox="1"/>
      </xdr:nvSpPr>
      <xdr:spPr>
        <a:xfrm>
          <a:off x="16370300" y="66633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37223</xdr:rowOff>
    </xdr:from>
    <xdr:ext cx="599010" cy="259045"/>
    <xdr:sp macro="" textlink="">
      <xdr:nvSpPr>
        <xdr:cNvPr id="516" name="災害復旧事業費最大値テキスト">
          <a:extLst>
            <a:ext uri="{FF2B5EF4-FFF2-40B4-BE49-F238E27FC236}">
              <a16:creationId xmlns:a16="http://schemas.microsoft.com/office/drawing/2014/main" id="{00000000-0008-0000-0600-000004020000}"/>
            </a:ext>
          </a:extLst>
        </xdr:cNvPr>
        <xdr:cNvSpPr txBox="1"/>
      </xdr:nvSpPr>
      <xdr:spPr>
        <a:xfrm>
          <a:off x="16370300" y="5352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90546</xdr:rowOff>
    </xdr:from>
    <xdr:to>
      <xdr:col>86</xdr:col>
      <xdr:colOff>25400</xdr:colOff>
      <xdr:row>32</xdr:row>
      <xdr:rowOff>90546</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6230600" y="5576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23826</xdr:rowOff>
    </xdr:from>
    <xdr:to>
      <xdr:col>85</xdr:col>
      <xdr:colOff>127000</xdr:colOff>
      <xdr:row>38</xdr:row>
      <xdr:rowOff>134158</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5481300" y="6638926"/>
          <a:ext cx="838200" cy="10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5659</xdr:rowOff>
    </xdr:from>
    <xdr:ext cx="534377" cy="259045"/>
    <xdr:sp macro="" textlink="">
      <xdr:nvSpPr>
        <xdr:cNvPr id="519" name="災害復旧事業費平均値テキスト">
          <a:extLst>
            <a:ext uri="{FF2B5EF4-FFF2-40B4-BE49-F238E27FC236}">
              <a16:creationId xmlns:a16="http://schemas.microsoft.com/office/drawing/2014/main" id="{00000000-0008-0000-0600-000007020000}"/>
            </a:ext>
          </a:extLst>
        </xdr:cNvPr>
        <xdr:cNvSpPr txBox="1"/>
      </xdr:nvSpPr>
      <xdr:spPr>
        <a:xfrm>
          <a:off x="16370300" y="6409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2782</xdr:rowOff>
    </xdr:from>
    <xdr:to>
      <xdr:col>85</xdr:col>
      <xdr:colOff>177800</xdr:colOff>
      <xdr:row>38</xdr:row>
      <xdr:rowOff>144382</xdr:rowOff>
    </xdr:to>
    <xdr:sp macro="" textlink="">
      <xdr:nvSpPr>
        <xdr:cNvPr id="520" name="フローチャート: 判断 519">
          <a:extLst>
            <a:ext uri="{FF2B5EF4-FFF2-40B4-BE49-F238E27FC236}">
              <a16:creationId xmlns:a16="http://schemas.microsoft.com/office/drawing/2014/main" id="{00000000-0008-0000-0600-000008020000}"/>
            </a:ext>
          </a:extLst>
        </xdr:cNvPr>
        <xdr:cNvSpPr/>
      </xdr:nvSpPr>
      <xdr:spPr>
        <a:xfrm>
          <a:off x="16268700" y="655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29066</xdr:rowOff>
    </xdr:from>
    <xdr:to>
      <xdr:col>81</xdr:col>
      <xdr:colOff>50800</xdr:colOff>
      <xdr:row>38</xdr:row>
      <xdr:rowOff>134158</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4592300" y="6644166"/>
          <a:ext cx="889000" cy="5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28728</xdr:rowOff>
    </xdr:from>
    <xdr:to>
      <xdr:col>81</xdr:col>
      <xdr:colOff>101600</xdr:colOff>
      <xdr:row>38</xdr:row>
      <xdr:rowOff>130328</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5430500" y="6543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46855</xdr:rowOff>
    </xdr:from>
    <xdr:ext cx="534377"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5214111" y="6319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29066</xdr:rowOff>
    </xdr:from>
    <xdr:to>
      <xdr:col>76</xdr:col>
      <xdr:colOff>114300</xdr:colOff>
      <xdr:row>38</xdr:row>
      <xdr:rowOff>138182</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flipV="1">
          <a:off x="13703300" y="6644166"/>
          <a:ext cx="889000" cy="9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1014</xdr:rowOff>
    </xdr:from>
    <xdr:to>
      <xdr:col>76</xdr:col>
      <xdr:colOff>165100</xdr:colOff>
      <xdr:row>38</xdr:row>
      <xdr:rowOff>132614</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4541500" y="6546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49141</xdr:rowOff>
    </xdr:from>
    <xdr:ext cx="534377"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4325111" y="6321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8182</xdr:rowOff>
    </xdr:from>
    <xdr:to>
      <xdr:col>71</xdr:col>
      <xdr:colOff>177800</xdr:colOff>
      <xdr:row>38</xdr:row>
      <xdr:rowOff>139700</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flipV="1">
          <a:off x="12814300" y="6653282"/>
          <a:ext cx="889000" cy="1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31188</xdr:rowOff>
    </xdr:from>
    <xdr:to>
      <xdr:col>72</xdr:col>
      <xdr:colOff>38100</xdr:colOff>
      <xdr:row>38</xdr:row>
      <xdr:rowOff>132788</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3652500" y="6546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49315</xdr:rowOff>
    </xdr:from>
    <xdr:ext cx="534377"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3436111" y="6321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39198</xdr:rowOff>
    </xdr:from>
    <xdr:to>
      <xdr:col>67</xdr:col>
      <xdr:colOff>101600</xdr:colOff>
      <xdr:row>38</xdr:row>
      <xdr:rowOff>140798</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2763500" y="6554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57325</xdr:rowOff>
    </xdr:from>
    <xdr:ext cx="534377"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2547111" y="6329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3026</xdr:rowOff>
    </xdr:from>
    <xdr:to>
      <xdr:col>85</xdr:col>
      <xdr:colOff>177800</xdr:colOff>
      <xdr:row>39</xdr:row>
      <xdr:rowOff>3176</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6268700" y="6588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1209</xdr:rowOff>
    </xdr:from>
    <xdr:ext cx="469744" cy="259045"/>
    <xdr:sp macro="" textlink="">
      <xdr:nvSpPr>
        <xdr:cNvPr id="538" name="災害復旧事業費該当値テキスト">
          <a:extLst>
            <a:ext uri="{FF2B5EF4-FFF2-40B4-BE49-F238E27FC236}">
              <a16:creationId xmlns:a16="http://schemas.microsoft.com/office/drawing/2014/main" id="{00000000-0008-0000-0600-00001A020000}"/>
            </a:ext>
          </a:extLst>
        </xdr:cNvPr>
        <xdr:cNvSpPr txBox="1"/>
      </xdr:nvSpPr>
      <xdr:spPr>
        <a:xfrm>
          <a:off x="16370300" y="6536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3358</xdr:rowOff>
    </xdr:from>
    <xdr:to>
      <xdr:col>81</xdr:col>
      <xdr:colOff>101600</xdr:colOff>
      <xdr:row>39</xdr:row>
      <xdr:rowOff>13508</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5430500" y="6598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4635</xdr:rowOff>
    </xdr:from>
    <xdr:ext cx="469744"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5246428" y="669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78266</xdr:rowOff>
    </xdr:from>
    <xdr:to>
      <xdr:col>76</xdr:col>
      <xdr:colOff>165100</xdr:colOff>
      <xdr:row>39</xdr:row>
      <xdr:rowOff>8416</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4541500" y="659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170993</xdr:rowOff>
    </xdr:from>
    <xdr:ext cx="469744"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4357428" y="6686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7382</xdr:rowOff>
    </xdr:from>
    <xdr:to>
      <xdr:col>72</xdr:col>
      <xdr:colOff>38100</xdr:colOff>
      <xdr:row>39</xdr:row>
      <xdr:rowOff>17532</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3652500" y="6602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8659</xdr:rowOff>
    </xdr:from>
    <xdr:ext cx="378565"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3514017" y="66952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a:extLst>
            <a:ext uri="{FF2B5EF4-FFF2-40B4-BE49-F238E27FC236}">
              <a16:creationId xmlns:a16="http://schemas.microsoft.com/office/drawing/2014/main" id="{00000000-0008-0000-0600-00003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a:extLst>
            <a:ext uri="{FF2B5EF4-FFF2-40B4-BE49-F238E27FC236}">
              <a16:creationId xmlns:a16="http://schemas.microsoft.com/office/drawing/2014/main" id="{00000000-0008-0000-0600-000033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a:extLst>
            <a:ext uri="{FF2B5EF4-FFF2-40B4-BE49-F238E27FC236}">
              <a16:creationId xmlns:a16="http://schemas.microsoft.com/office/drawing/2014/main" id="{00000000-0008-0000-0600-000035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a:extLst>
            <a:ext uri="{FF2B5EF4-FFF2-40B4-BE49-F238E27FC236}">
              <a16:creationId xmlns:a16="http://schemas.microsoft.com/office/drawing/2014/main" id="{00000000-0008-0000-0600-000038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a:extLst>
            <a:ext uri="{FF2B5EF4-FFF2-40B4-BE49-F238E27FC236}">
              <a16:creationId xmlns:a16="http://schemas.microsoft.com/office/drawing/2014/main" id="{00000000-0008-0000-0600-00004B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a:extLst>
            <a:ext uri="{FF2B5EF4-FFF2-40B4-BE49-F238E27FC236}">
              <a16:creationId xmlns:a16="http://schemas.microsoft.com/office/drawing/2014/main" id="{00000000-0008-0000-0600-00006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723</xdr:rowOff>
    </xdr:from>
    <xdr:to>
      <xdr:col>85</xdr:col>
      <xdr:colOff>126364</xdr:colOff>
      <xdr:row>78</xdr:row>
      <xdr:rowOff>109237</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flipV="1">
          <a:off x="16317595" y="12175673"/>
          <a:ext cx="1269" cy="1306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13064</xdr:rowOff>
    </xdr:from>
    <xdr:ext cx="469744" cy="259045"/>
    <xdr:sp macro="" textlink="">
      <xdr:nvSpPr>
        <xdr:cNvPr id="618" name="公債費最小値テキスト">
          <a:extLst>
            <a:ext uri="{FF2B5EF4-FFF2-40B4-BE49-F238E27FC236}">
              <a16:creationId xmlns:a16="http://schemas.microsoft.com/office/drawing/2014/main" id="{00000000-0008-0000-0600-00006A020000}"/>
            </a:ext>
          </a:extLst>
        </xdr:cNvPr>
        <xdr:cNvSpPr txBox="1"/>
      </xdr:nvSpPr>
      <xdr:spPr>
        <a:xfrm>
          <a:off x="16370300" y="1348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9237</xdr:rowOff>
    </xdr:from>
    <xdr:to>
      <xdr:col>86</xdr:col>
      <xdr:colOff>25400</xdr:colOff>
      <xdr:row>78</xdr:row>
      <xdr:rowOff>109237</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3482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0850</xdr:rowOff>
    </xdr:from>
    <xdr:ext cx="599010" cy="259045"/>
    <xdr:sp macro="" textlink="">
      <xdr:nvSpPr>
        <xdr:cNvPr id="620" name="公債費最大値テキスト">
          <a:extLst>
            <a:ext uri="{FF2B5EF4-FFF2-40B4-BE49-F238E27FC236}">
              <a16:creationId xmlns:a16="http://schemas.microsoft.com/office/drawing/2014/main" id="{00000000-0008-0000-0600-00006C020000}"/>
            </a:ext>
          </a:extLst>
        </xdr:cNvPr>
        <xdr:cNvSpPr txBox="1"/>
      </xdr:nvSpPr>
      <xdr:spPr>
        <a:xfrm>
          <a:off x="16370300" y="119509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2723</xdr:rowOff>
    </xdr:from>
    <xdr:to>
      <xdr:col>86</xdr:col>
      <xdr:colOff>25400</xdr:colOff>
      <xdr:row>71</xdr:row>
      <xdr:rowOff>2723</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6230600" y="12175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58826</xdr:rowOff>
    </xdr:from>
    <xdr:to>
      <xdr:col>85</xdr:col>
      <xdr:colOff>127000</xdr:colOff>
      <xdr:row>77</xdr:row>
      <xdr:rowOff>79271</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5481300" y="13260476"/>
          <a:ext cx="838200" cy="20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0949</xdr:rowOff>
    </xdr:from>
    <xdr:ext cx="534377" cy="259045"/>
    <xdr:sp macro="" textlink="">
      <xdr:nvSpPr>
        <xdr:cNvPr id="623" name="公債費平均値テキスト">
          <a:extLst>
            <a:ext uri="{FF2B5EF4-FFF2-40B4-BE49-F238E27FC236}">
              <a16:creationId xmlns:a16="http://schemas.microsoft.com/office/drawing/2014/main" id="{00000000-0008-0000-0600-00006F020000}"/>
            </a:ext>
          </a:extLst>
        </xdr:cNvPr>
        <xdr:cNvSpPr txBox="1"/>
      </xdr:nvSpPr>
      <xdr:spPr>
        <a:xfrm>
          <a:off x="16370300" y="129296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8071</xdr:rowOff>
    </xdr:from>
    <xdr:to>
      <xdr:col>85</xdr:col>
      <xdr:colOff>177800</xdr:colOff>
      <xdr:row>76</xdr:row>
      <xdr:rowOff>149671</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6268700" y="1307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79271</xdr:rowOff>
    </xdr:from>
    <xdr:to>
      <xdr:col>81</xdr:col>
      <xdr:colOff>50800</xdr:colOff>
      <xdr:row>77</xdr:row>
      <xdr:rowOff>10428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flipV="1">
          <a:off x="14592300" y="13280921"/>
          <a:ext cx="889000" cy="25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99923</xdr:rowOff>
    </xdr:from>
    <xdr:to>
      <xdr:col>81</xdr:col>
      <xdr:colOff>101600</xdr:colOff>
      <xdr:row>77</xdr:row>
      <xdr:rowOff>30073</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5430500" y="131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46600</xdr:rowOff>
    </xdr:from>
    <xdr:ext cx="534377"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5214111" y="12905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04280</xdr:rowOff>
    </xdr:from>
    <xdr:to>
      <xdr:col>76</xdr:col>
      <xdr:colOff>114300</xdr:colOff>
      <xdr:row>77</xdr:row>
      <xdr:rowOff>125893</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3703300" y="13305930"/>
          <a:ext cx="889000" cy="21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4377</xdr:rowOff>
    </xdr:from>
    <xdr:to>
      <xdr:col>76</xdr:col>
      <xdr:colOff>165100</xdr:colOff>
      <xdr:row>77</xdr:row>
      <xdr:rowOff>34527</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4541500" y="1313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1054</xdr:rowOff>
    </xdr:from>
    <xdr:ext cx="534377"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4325111" y="12909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25893</xdr:rowOff>
    </xdr:from>
    <xdr:to>
      <xdr:col>71</xdr:col>
      <xdr:colOff>177800</xdr:colOff>
      <xdr:row>77</xdr:row>
      <xdr:rowOff>145662</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2814300" y="13327543"/>
          <a:ext cx="889000" cy="19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88872</xdr:rowOff>
    </xdr:from>
    <xdr:to>
      <xdr:col>72</xdr:col>
      <xdr:colOff>38100</xdr:colOff>
      <xdr:row>77</xdr:row>
      <xdr:rowOff>19022</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3652500" y="13119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35550</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3436111" y="12894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88081</xdr:rowOff>
    </xdr:from>
    <xdr:to>
      <xdr:col>67</xdr:col>
      <xdr:colOff>101600</xdr:colOff>
      <xdr:row>77</xdr:row>
      <xdr:rowOff>18231</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2763500" y="13118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34758</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2547111" y="12893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8026</xdr:rowOff>
    </xdr:from>
    <xdr:to>
      <xdr:col>85</xdr:col>
      <xdr:colOff>177800</xdr:colOff>
      <xdr:row>77</xdr:row>
      <xdr:rowOff>109626</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6268700" y="1320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57903</xdr:rowOff>
    </xdr:from>
    <xdr:ext cx="534377" cy="259045"/>
    <xdr:sp macro="" textlink="">
      <xdr:nvSpPr>
        <xdr:cNvPr id="642" name="公債費該当値テキスト">
          <a:extLst>
            <a:ext uri="{FF2B5EF4-FFF2-40B4-BE49-F238E27FC236}">
              <a16:creationId xmlns:a16="http://schemas.microsoft.com/office/drawing/2014/main" id="{00000000-0008-0000-0600-000082020000}"/>
            </a:ext>
          </a:extLst>
        </xdr:cNvPr>
        <xdr:cNvSpPr txBox="1"/>
      </xdr:nvSpPr>
      <xdr:spPr>
        <a:xfrm>
          <a:off x="16370300" y="13188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28471</xdr:rowOff>
    </xdr:from>
    <xdr:to>
      <xdr:col>81</xdr:col>
      <xdr:colOff>101600</xdr:colOff>
      <xdr:row>77</xdr:row>
      <xdr:rowOff>130071</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5430500" y="13230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21198</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5214111" y="13322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53480</xdr:rowOff>
    </xdr:from>
    <xdr:to>
      <xdr:col>76</xdr:col>
      <xdr:colOff>165100</xdr:colOff>
      <xdr:row>77</xdr:row>
      <xdr:rowOff>155080</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4541500" y="13255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46207</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4325111" y="13347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75093</xdr:rowOff>
    </xdr:from>
    <xdr:to>
      <xdr:col>72</xdr:col>
      <xdr:colOff>38100</xdr:colOff>
      <xdr:row>78</xdr:row>
      <xdr:rowOff>5243</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3652500" y="13276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67820</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3436111" y="13369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94862</xdr:rowOff>
    </xdr:from>
    <xdr:to>
      <xdr:col>67</xdr:col>
      <xdr:colOff>101600</xdr:colOff>
      <xdr:row>78</xdr:row>
      <xdr:rowOff>25012</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2763500" y="13296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6139</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2547111" y="1338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144434</xdr:rowOff>
    </xdr:from>
    <xdr:ext cx="595419"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850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4</xdr:row>
      <xdr:rowOff>160763</xdr:rowOff>
    </xdr:from>
    <xdr:ext cx="595419"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850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5641</xdr:rowOff>
    </xdr:from>
    <xdr:ext cx="59541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850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積立金グラフ枠">
          <a:extLst>
            <a:ext uri="{FF2B5EF4-FFF2-40B4-BE49-F238E27FC236}">
              <a16:creationId xmlns:a16="http://schemas.microsoft.com/office/drawing/2014/main" id="{00000000-0008-0000-0600-0000A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7974</xdr:rowOff>
    </xdr:from>
    <xdr:to>
      <xdr:col>85</xdr:col>
      <xdr:colOff>126364</xdr:colOff>
      <xdr:row>99</xdr:row>
      <xdr:rowOff>84852</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flipV="1">
          <a:off x="16317595" y="15528474"/>
          <a:ext cx="1269" cy="1529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88679</xdr:rowOff>
    </xdr:from>
    <xdr:ext cx="469744" cy="259045"/>
    <xdr:sp macro="" textlink="">
      <xdr:nvSpPr>
        <xdr:cNvPr id="677" name="積立金最小値テキスト">
          <a:extLst>
            <a:ext uri="{FF2B5EF4-FFF2-40B4-BE49-F238E27FC236}">
              <a16:creationId xmlns:a16="http://schemas.microsoft.com/office/drawing/2014/main" id="{00000000-0008-0000-0600-0000A5020000}"/>
            </a:ext>
          </a:extLst>
        </xdr:cNvPr>
        <xdr:cNvSpPr txBox="1"/>
      </xdr:nvSpPr>
      <xdr:spPr>
        <a:xfrm>
          <a:off x="16370300" y="17062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84852</xdr:rowOff>
    </xdr:from>
    <xdr:to>
      <xdr:col>86</xdr:col>
      <xdr:colOff>25400</xdr:colOff>
      <xdr:row>99</xdr:row>
      <xdr:rowOff>84852</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6230600" y="17058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4651</xdr:rowOff>
    </xdr:from>
    <xdr:ext cx="599010" cy="259045"/>
    <xdr:sp macro="" textlink="">
      <xdr:nvSpPr>
        <xdr:cNvPr id="679" name="積立金最大値テキスト">
          <a:extLst>
            <a:ext uri="{FF2B5EF4-FFF2-40B4-BE49-F238E27FC236}">
              <a16:creationId xmlns:a16="http://schemas.microsoft.com/office/drawing/2014/main" id="{00000000-0008-0000-0600-0000A7020000}"/>
            </a:ext>
          </a:extLst>
        </xdr:cNvPr>
        <xdr:cNvSpPr txBox="1"/>
      </xdr:nvSpPr>
      <xdr:spPr>
        <a:xfrm>
          <a:off x="16370300" y="15303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2,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97974</xdr:rowOff>
    </xdr:from>
    <xdr:to>
      <xdr:col>86</xdr:col>
      <xdr:colOff>25400</xdr:colOff>
      <xdr:row>90</xdr:row>
      <xdr:rowOff>97974</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6230600" y="15528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04950</xdr:rowOff>
    </xdr:from>
    <xdr:to>
      <xdr:col>85</xdr:col>
      <xdr:colOff>127000</xdr:colOff>
      <xdr:row>99</xdr:row>
      <xdr:rowOff>27271</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5481300" y="16907050"/>
          <a:ext cx="838200" cy="93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52850</xdr:rowOff>
    </xdr:from>
    <xdr:ext cx="534377" cy="259045"/>
    <xdr:sp macro="" textlink="">
      <xdr:nvSpPr>
        <xdr:cNvPr id="682" name="積立金平均値テキスト">
          <a:extLst>
            <a:ext uri="{FF2B5EF4-FFF2-40B4-BE49-F238E27FC236}">
              <a16:creationId xmlns:a16="http://schemas.microsoft.com/office/drawing/2014/main" id="{00000000-0008-0000-0600-0000AA020000}"/>
            </a:ext>
          </a:extLst>
        </xdr:cNvPr>
        <xdr:cNvSpPr txBox="1"/>
      </xdr:nvSpPr>
      <xdr:spPr>
        <a:xfrm>
          <a:off x="16370300" y="16612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9973</xdr:rowOff>
    </xdr:from>
    <xdr:to>
      <xdr:col>85</xdr:col>
      <xdr:colOff>177800</xdr:colOff>
      <xdr:row>98</xdr:row>
      <xdr:rowOff>60123</xdr:rowOff>
    </xdr:to>
    <xdr:sp macro="" textlink="">
      <xdr:nvSpPr>
        <xdr:cNvPr id="683" name="フローチャート: 判断 682">
          <a:extLst>
            <a:ext uri="{FF2B5EF4-FFF2-40B4-BE49-F238E27FC236}">
              <a16:creationId xmlns:a16="http://schemas.microsoft.com/office/drawing/2014/main" id="{00000000-0008-0000-0600-0000AB020000}"/>
            </a:ext>
          </a:extLst>
        </xdr:cNvPr>
        <xdr:cNvSpPr/>
      </xdr:nvSpPr>
      <xdr:spPr>
        <a:xfrm>
          <a:off x="16268700" y="16760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27271</xdr:rowOff>
    </xdr:from>
    <xdr:to>
      <xdr:col>81</xdr:col>
      <xdr:colOff>50800</xdr:colOff>
      <xdr:row>99</xdr:row>
      <xdr:rowOff>92987</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4592300" y="17000821"/>
          <a:ext cx="889000" cy="6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0851</xdr:rowOff>
    </xdr:from>
    <xdr:to>
      <xdr:col>81</xdr:col>
      <xdr:colOff>101600</xdr:colOff>
      <xdr:row>98</xdr:row>
      <xdr:rowOff>152451</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5430500" y="16852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68978</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5214111" y="16628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65937</xdr:rowOff>
    </xdr:from>
    <xdr:to>
      <xdr:col>76</xdr:col>
      <xdr:colOff>114300</xdr:colOff>
      <xdr:row>99</xdr:row>
      <xdr:rowOff>92987</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3703300" y="17039487"/>
          <a:ext cx="889000" cy="27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59023</xdr:rowOff>
    </xdr:from>
    <xdr:to>
      <xdr:col>76</xdr:col>
      <xdr:colOff>165100</xdr:colOff>
      <xdr:row>98</xdr:row>
      <xdr:rowOff>160623</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4541500" y="16861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5700</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4325111" y="16636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65937</xdr:rowOff>
    </xdr:from>
    <xdr:to>
      <xdr:col>71</xdr:col>
      <xdr:colOff>177800</xdr:colOff>
      <xdr:row>99</xdr:row>
      <xdr:rowOff>79552</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flipV="1">
          <a:off x="12814300" y="17039487"/>
          <a:ext cx="889000" cy="13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59655</xdr:rowOff>
    </xdr:from>
    <xdr:to>
      <xdr:col>72</xdr:col>
      <xdr:colOff>38100</xdr:colOff>
      <xdr:row>98</xdr:row>
      <xdr:rowOff>161255</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3652500" y="16861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6332</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436111" y="16636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1737</xdr:rowOff>
    </xdr:from>
    <xdr:to>
      <xdr:col>67</xdr:col>
      <xdr:colOff>101600</xdr:colOff>
      <xdr:row>98</xdr:row>
      <xdr:rowOff>143337</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2763500" y="16843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59864</xdr:rowOff>
    </xdr:from>
    <xdr:ext cx="534377"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2547111" y="16619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4150</xdr:rowOff>
    </xdr:from>
    <xdr:to>
      <xdr:col>85</xdr:col>
      <xdr:colOff>177800</xdr:colOff>
      <xdr:row>98</xdr:row>
      <xdr:rowOff>155750</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6268700" y="1685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32577</xdr:rowOff>
    </xdr:from>
    <xdr:ext cx="534377" cy="259045"/>
    <xdr:sp macro="" textlink="">
      <xdr:nvSpPr>
        <xdr:cNvPr id="701" name="積立金該当値テキスト">
          <a:extLst>
            <a:ext uri="{FF2B5EF4-FFF2-40B4-BE49-F238E27FC236}">
              <a16:creationId xmlns:a16="http://schemas.microsoft.com/office/drawing/2014/main" id="{00000000-0008-0000-0600-0000BD020000}"/>
            </a:ext>
          </a:extLst>
        </xdr:cNvPr>
        <xdr:cNvSpPr txBox="1"/>
      </xdr:nvSpPr>
      <xdr:spPr>
        <a:xfrm>
          <a:off x="16370300" y="16834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47921</xdr:rowOff>
    </xdr:from>
    <xdr:to>
      <xdr:col>81</xdr:col>
      <xdr:colOff>101600</xdr:colOff>
      <xdr:row>99</xdr:row>
      <xdr:rowOff>78071</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5430500" y="16950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69198</xdr:rowOff>
    </xdr:from>
    <xdr:ext cx="534377"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5214111" y="17042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9</xdr:row>
      <xdr:rowOff>42187</xdr:rowOff>
    </xdr:from>
    <xdr:to>
      <xdr:col>76</xdr:col>
      <xdr:colOff>165100</xdr:colOff>
      <xdr:row>99</xdr:row>
      <xdr:rowOff>143787</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4541500" y="17015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134914</xdr:rowOff>
    </xdr:from>
    <xdr:ext cx="469744"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4357428" y="17108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9</xdr:row>
      <xdr:rowOff>15137</xdr:rowOff>
    </xdr:from>
    <xdr:to>
      <xdr:col>72</xdr:col>
      <xdr:colOff>38100</xdr:colOff>
      <xdr:row>99</xdr:row>
      <xdr:rowOff>116737</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3652500" y="16988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107864</xdr:rowOff>
    </xdr:from>
    <xdr:ext cx="534377"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3436111" y="17081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9</xdr:row>
      <xdr:rowOff>28752</xdr:rowOff>
    </xdr:from>
    <xdr:to>
      <xdr:col>67</xdr:col>
      <xdr:colOff>101600</xdr:colOff>
      <xdr:row>99</xdr:row>
      <xdr:rowOff>130352</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2763500" y="17002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21479</xdr:rowOff>
    </xdr:from>
    <xdr:ext cx="469744"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2579428" y="170950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投資及び出資金グラフ枠">
          <a:extLst>
            <a:ext uri="{FF2B5EF4-FFF2-40B4-BE49-F238E27FC236}">
              <a16:creationId xmlns:a16="http://schemas.microsoft.com/office/drawing/2014/main" id="{00000000-0008-0000-0600-0000D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33757</xdr:rowOff>
    </xdr:from>
    <xdr:to>
      <xdr:col>116</xdr:col>
      <xdr:colOff>62864</xdr:colOff>
      <xdr:row>39</xdr:row>
      <xdr:rowOff>4445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flipV="1">
          <a:off x="22159595" y="5105807"/>
          <a:ext cx="1269" cy="1625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4" name="投資及び出資金最小値テキスト">
          <a:extLst>
            <a:ext uri="{FF2B5EF4-FFF2-40B4-BE49-F238E27FC236}">
              <a16:creationId xmlns:a16="http://schemas.microsoft.com/office/drawing/2014/main" id="{00000000-0008-0000-0600-0000DE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80434</xdr:rowOff>
    </xdr:from>
    <xdr:ext cx="534377" cy="259045"/>
    <xdr:sp macro="" textlink="">
      <xdr:nvSpPr>
        <xdr:cNvPr id="736" name="投資及び出資金最大値テキスト">
          <a:extLst>
            <a:ext uri="{FF2B5EF4-FFF2-40B4-BE49-F238E27FC236}">
              <a16:creationId xmlns:a16="http://schemas.microsoft.com/office/drawing/2014/main" id="{00000000-0008-0000-0600-0000E0020000}"/>
            </a:ext>
          </a:extLst>
        </xdr:cNvPr>
        <xdr:cNvSpPr txBox="1"/>
      </xdr:nvSpPr>
      <xdr:spPr>
        <a:xfrm>
          <a:off x="22212300" y="4881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6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29</xdr:row>
      <xdr:rowOff>133757</xdr:rowOff>
    </xdr:from>
    <xdr:to>
      <xdr:col>116</xdr:col>
      <xdr:colOff>152400</xdr:colOff>
      <xdr:row>29</xdr:row>
      <xdr:rowOff>133757</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2072600" y="5105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76797</xdr:rowOff>
    </xdr:from>
    <xdr:to>
      <xdr:col>116</xdr:col>
      <xdr:colOff>63500</xdr:colOff>
      <xdr:row>39</xdr:row>
      <xdr:rowOff>4445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flipV="1">
          <a:off x="21323300" y="6591897"/>
          <a:ext cx="838200" cy="139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59936</xdr:rowOff>
    </xdr:from>
    <xdr:ext cx="469744" cy="259045"/>
    <xdr:sp macro="" textlink="">
      <xdr:nvSpPr>
        <xdr:cNvPr id="739" name="投資及び出資金平均値テキスト">
          <a:extLst>
            <a:ext uri="{FF2B5EF4-FFF2-40B4-BE49-F238E27FC236}">
              <a16:creationId xmlns:a16="http://schemas.microsoft.com/office/drawing/2014/main" id="{00000000-0008-0000-0600-0000E3020000}"/>
            </a:ext>
          </a:extLst>
        </xdr:cNvPr>
        <xdr:cNvSpPr txBox="1"/>
      </xdr:nvSpPr>
      <xdr:spPr>
        <a:xfrm>
          <a:off x="22212300" y="65750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1509</xdr:rowOff>
    </xdr:from>
    <xdr:to>
      <xdr:col>116</xdr:col>
      <xdr:colOff>114300</xdr:colOff>
      <xdr:row>39</xdr:row>
      <xdr:rowOff>11659</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22110700" y="6596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4975</xdr:rowOff>
    </xdr:from>
    <xdr:to>
      <xdr:col>112</xdr:col>
      <xdr:colOff>38100</xdr:colOff>
      <xdr:row>39</xdr:row>
      <xdr:rowOff>15125</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1272500" y="6600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31653</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1088428" y="6375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09589</xdr:rowOff>
    </xdr:from>
    <xdr:to>
      <xdr:col>107</xdr:col>
      <xdr:colOff>101600</xdr:colOff>
      <xdr:row>39</xdr:row>
      <xdr:rowOff>39739</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0383500" y="6624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56265</xdr:rowOff>
    </xdr:from>
    <xdr:ext cx="469744"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199428" y="6399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4424</xdr:rowOff>
    </xdr:from>
    <xdr:to>
      <xdr:col>102</xdr:col>
      <xdr:colOff>165100</xdr:colOff>
      <xdr:row>39</xdr:row>
      <xdr:rowOff>24574</xdr:rowOff>
    </xdr:to>
    <xdr:sp macro="" textlink="">
      <xdr:nvSpPr>
        <xdr:cNvPr id="748" name="フローチャート: 判断 747">
          <a:extLst>
            <a:ext uri="{FF2B5EF4-FFF2-40B4-BE49-F238E27FC236}">
              <a16:creationId xmlns:a16="http://schemas.microsoft.com/office/drawing/2014/main" id="{00000000-0008-0000-0600-0000EC020000}"/>
            </a:ext>
          </a:extLst>
        </xdr:cNvPr>
        <xdr:cNvSpPr/>
      </xdr:nvSpPr>
      <xdr:spPr>
        <a:xfrm>
          <a:off x="19494500" y="6609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41101</xdr:rowOff>
    </xdr:from>
    <xdr:ext cx="469744"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19310428" y="6384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0520</xdr:rowOff>
    </xdr:from>
    <xdr:to>
      <xdr:col>98</xdr:col>
      <xdr:colOff>38100</xdr:colOff>
      <xdr:row>39</xdr:row>
      <xdr:rowOff>30670</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18605500" y="6615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47198</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8421428" y="6390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5997</xdr:rowOff>
    </xdr:from>
    <xdr:to>
      <xdr:col>116</xdr:col>
      <xdr:colOff>114300</xdr:colOff>
      <xdr:row>38</xdr:row>
      <xdr:rowOff>127597</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22110700" y="6541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48874</xdr:rowOff>
    </xdr:from>
    <xdr:ext cx="469744" cy="259045"/>
    <xdr:sp macro="" textlink="">
      <xdr:nvSpPr>
        <xdr:cNvPr id="758" name="投資及び出資金該当値テキスト">
          <a:extLst>
            <a:ext uri="{FF2B5EF4-FFF2-40B4-BE49-F238E27FC236}">
              <a16:creationId xmlns:a16="http://schemas.microsoft.com/office/drawing/2014/main" id="{00000000-0008-0000-0600-0000F6020000}"/>
            </a:ext>
          </a:extLst>
        </xdr:cNvPr>
        <xdr:cNvSpPr txBox="1"/>
      </xdr:nvSpPr>
      <xdr:spPr>
        <a:xfrm>
          <a:off x="22212300" y="6392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92727</xdr:rowOff>
    </xdr:from>
    <xdr:ext cx="59541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692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a16="http://schemas.microsoft.com/office/drawing/2014/main"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38088</xdr:rowOff>
    </xdr:from>
    <xdr:to>
      <xdr:col>116</xdr:col>
      <xdr:colOff>62864</xdr:colOff>
      <xdr:row>59</xdr:row>
      <xdr:rowOff>4445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2159595" y="8610588"/>
          <a:ext cx="1269" cy="15494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1" name="貸付金最小値テキスト">
          <a:extLst>
            <a:ext uri="{FF2B5EF4-FFF2-40B4-BE49-F238E27FC236}">
              <a16:creationId xmlns:a16="http://schemas.microsoft.com/office/drawing/2014/main" id="{00000000-0008-0000-0600-000017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56215</xdr:rowOff>
    </xdr:from>
    <xdr:ext cx="599010" cy="259045"/>
    <xdr:sp macro="" textlink="">
      <xdr:nvSpPr>
        <xdr:cNvPr id="793" name="貸付金最大値テキスト">
          <a:extLst>
            <a:ext uri="{FF2B5EF4-FFF2-40B4-BE49-F238E27FC236}">
              <a16:creationId xmlns:a16="http://schemas.microsoft.com/office/drawing/2014/main" id="{00000000-0008-0000-0600-000019030000}"/>
            </a:ext>
          </a:extLst>
        </xdr:cNvPr>
        <xdr:cNvSpPr txBox="1"/>
      </xdr:nvSpPr>
      <xdr:spPr>
        <a:xfrm>
          <a:off x="22212300" y="8385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38088</xdr:rowOff>
    </xdr:from>
    <xdr:to>
      <xdr:col>116</xdr:col>
      <xdr:colOff>152400</xdr:colOff>
      <xdr:row>50</xdr:row>
      <xdr:rowOff>38088</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2072600" y="8610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7643</xdr:rowOff>
    </xdr:from>
    <xdr:to>
      <xdr:col>116</xdr:col>
      <xdr:colOff>63500</xdr:colOff>
      <xdr:row>59</xdr:row>
      <xdr:rowOff>4445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21323300" y="10153193"/>
          <a:ext cx="838200" cy="6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27944</xdr:rowOff>
    </xdr:from>
    <xdr:ext cx="469744" cy="259045"/>
    <xdr:sp macro="" textlink="">
      <xdr:nvSpPr>
        <xdr:cNvPr id="796" name="貸付金平均値テキスト">
          <a:extLst>
            <a:ext uri="{FF2B5EF4-FFF2-40B4-BE49-F238E27FC236}">
              <a16:creationId xmlns:a16="http://schemas.microsoft.com/office/drawing/2014/main" id="{00000000-0008-0000-0600-00001C030000}"/>
            </a:ext>
          </a:extLst>
        </xdr:cNvPr>
        <xdr:cNvSpPr txBox="1"/>
      </xdr:nvSpPr>
      <xdr:spPr>
        <a:xfrm>
          <a:off x="22212300" y="99005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05067</xdr:rowOff>
    </xdr:from>
    <xdr:to>
      <xdr:col>116</xdr:col>
      <xdr:colOff>114300</xdr:colOff>
      <xdr:row>59</xdr:row>
      <xdr:rowOff>35217</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2110700" y="10049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20472</xdr:rowOff>
    </xdr:from>
    <xdr:to>
      <xdr:col>112</xdr:col>
      <xdr:colOff>38100</xdr:colOff>
      <xdr:row>59</xdr:row>
      <xdr:rowOff>50622</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1272500" y="10064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67149</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1088428" y="9839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23279</xdr:rowOff>
    </xdr:from>
    <xdr:to>
      <xdr:col>107</xdr:col>
      <xdr:colOff>101600</xdr:colOff>
      <xdr:row>59</xdr:row>
      <xdr:rowOff>53429</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0383500" y="10067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9956</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0199428" y="9842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35979</xdr:rowOff>
    </xdr:from>
    <xdr:to>
      <xdr:col>102</xdr:col>
      <xdr:colOff>165100</xdr:colOff>
      <xdr:row>59</xdr:row>
      <xdr:rowOff>66129</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19494500" y="10080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82656</xdr:rowOff>
    </xdr:from>
    <xdr:ext cx="469744"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10428" y="9855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35725</xdr:rowOff>
    </xdr:from>
    <xdr:to>
      <xdr:col>98</xdr:col>
      <xdr:colOff>38100</xdr:colOff>
      <xdr:row>59</xdr:row>
      <xdr:rowOff>65875</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18605500" y="10079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82402</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21428" y="9855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8293</xdr:rowOff>
    </xdr:from>
    <xdr:to>
      <xdr:col>116</xdr:col>
      <xdr:colOff>114300</xdr:colOff>
      <xdr:row>59</xdr:row>
      <xdr:rowOff>88443</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22110700" y="10102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3494</xdr:rowOff>
    </xdr:from>
    <xdr:ext cx="378565" cy="259045"/>
    <xdr:sp macro="" textlink="">
      <xdr:nvSpPr>
        <xdr:cNvPr id="815" name="貸付金該当値テキスト">
          <a:extLst>
            <a:ext uri="{FF2B5EF4-FFF2-40B4-BE49-F238E27FC236}">
              <a16:creationId xmlns:a16="http://schemas.microsoft.com/office/drawing/2014/main" id="{00000000-0008-0000-0600-00002F030000}"/>
            </a:ext>
          </a:extLst>
        </xdr:cNvPr>
        <xdr:cNvSpPr txBox="1"/>
      </xdr:nvSpPr>
      <xdr:spPr>
        <a:xfrm>
          <a:off x="22212300" y="100275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5" name="直線コネクタ 834">
          <a:extLst>
            <a:ext uri="{FF2B5EF4-FFF2-40B4-BE49-F238E27FC236}">
              <a16:creationId xmlns:a16="http://schemas.microsoft.com/office/drawing/2014/main" id="{00000000-0008-0000-0600-000043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168927</xdr:rowOff>
    </xdr:from>
    <xdr:ext cx="59541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692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a:extLst>
            <a:ext uri="{FF2B5EF4-FFF2-40B4-BE49-F238E27FC236}">
              <a16:creationId xmlns:a16="http://schemas.microsoft.com/office/drawing/2014/main" id="{00000000-0008-0000-0600-00004D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88357</xdr:rowOff>
    </xdr:from>
    <xdr:to>
      <xdr:col>116</xdr:col>
      <xdr:colOff>62864</xdr:colOff>
      <xdr:row>79</xdr:row>
      <xdr:rowOff>82307</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flipV="1">
          <a:off x="22159595" y="12089857"/>
          <a:ext cx="1269" cy="153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86134</xdr:rowOff>
    </xdr:from>
    <xdr:ext cx="534377" cy="259045"/>
    <xdr:sp macro="" textlink="">
      <xdr:nvSpPr>
        <xdr:cNvPr id="847" name="繰出金最小値テキスト">
          <a:extLst>
            <a:ext uri="{FF2B5EF4-FFF2-40B4-BE49-F238E27FC236}">
              <a16:creationId xmlns:a16="http://schemas.microsoft.com/office/drawing/2014/main" id="{00000000-0008-0000-0600-00004F030000}"/>
            </a:ext>
          </a:extLst>
        </xdr:cNvPr>
        <xdr:cNvSpPr txBox="1"/>
      </xdr:nvSpPr>
      <xdr:spPr>
        <a:xfrm>
          <a:off x="22212300" y="13630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82307</xdr:rowOff>
    </xdr:from>
    <xdr:to>
      <xdr:col>116</xdr:col>
      <xdr:colOff>152400</xdr:colOff>
      <xdr:row>79</xdr:row>
      <xdr:rowOff>82307</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2072600" y="13626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35034</xdr:rowOff>
    </xdr:from>
    <xdr:ext cx="599010" cy="259045"/>
    <xdr:sp macro="" textlink="">
      <xdr:nvSpPr>
        <xdr:cNvPr id="849" name="繰出金最大値テキスト">
          <a:extLst>
            <a:ext uri="{FF2B5EF4-FFF2-40B4-BE49-F238E27FC236}">
              <a16:creationId xmlns:a16="http://schemas.microsoft.com/office/drawing/2014/main" id="{00000000-0008-0000-0600-000051030000}"/>
            </a:ext>
          </a:extLst>
        </xdr:cNvPr>
        <xdr:cNvSpPr txBox="1"/>
      </xdr:nvSpPr>
      <xdr:spPr>
        <a:xfrm>
          <a:off x="22212300" y="118650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88357</xdr:rowOff>
    </xdr:from>
    <xdr:to>
      <xdr:col>116</xdr:col>
      <xdr:colOff>152400</xdr:colOff>
      <xdr:row>70</xdr:row>
      <xdr:rowOff>88357</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22072600" y="12089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24547</xdr:rowOff>
    </xdr:from>
    <xdr:to>
      <xdr:col>116</xdr:col>
      <xdr:colOff>63500</xdr:colOff>
      <xdr:row>74</xdr:row>
      <xdr:rowOff>118959</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1323300" y="12711847"/>
          <a:ext cx="838200" cy="94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06935</xdr:rowOff>
    </xdr:from>
    <xdr:ext cx="534377" cy="259045"/>
    <xdr:sp macro="" textlink="">
      <xdr:nvSpPr>
        <xdr:cNvPr id="852" name="繰出金平均値テキスト">
          <a:extLst>
            <a:ext uri="{FF2B5EF4-FFF2-40B4-BE49-F238E27FC236}">
              <a16:creationId xmlns:a16="http://schemas.microsoft.com/office/drawing/2014/main" id="{00000000-0008-0000-0600-000054030000}"/>
            </a:ext>
          </a:extLst>
        </xdr:cNvPr>
        <xdr:cNvSpPr txBox="1"/>
      </xdr:nvSpPr>
      <xdr:spPr>
        <a:xfrm>
          <a:off x="22212300" y="12794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28508</xdr:rowOff>
    </xdr:from>
    <xdr:to>
      <xdr:col>116</xdr:col>
      <xdr:colOff>114300</xdr:colOff>
      <xdr:row>75</xdr:row>
      <xdr:rowOff>58658</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22110700" y="12815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24547</xdr:rowOff>
    </xdr:from>
    <xdr:to>
      <xdr:col>111</xdr:col>
      <xdr:colOff>177800</xdr:colOff>
      <xdr:row>74</xdr:row>
      <xdr:rowOff>151694</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20434300" y="12711847"/>
          <a:ext cx="889000" cy="127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82590</xdr:rowOff>
    </xdr:from>
    <xdr:to>
      <xdr:col>112</xdr:col>
      <xdr:colOff>38100</xdr:colOff>
      <xdr:row>75</xdr:row>
      <xdr:rowOff>12740</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1272500" y="12769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3867</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1056111" y="12862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51694</xdr:rowOff>
    </xdr:from>
    <xdr:to>
      <xdr:col>107</xdr:col>
      <xdr:colOff>50800</xdr:colOff>
      <xdr:row>75</xdr:row>
      <xdr:rowOff>22855</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flipV="1">
          <a:off x="19545300" y="12838994"/>
          <a:ext cx="889000" cy="42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62291</xdr:rowOff>
    </xdr:from>
    <xdr:to>
      <xdr:col>107</xdr:col>
      <xdr:colOff>101600</xdr:colOff>
      <xdr:row>74</xdr:row>
      <xdr:rowOff>163891</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20383500" y="12749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8968</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20167111" y="12524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7631</xdr:rowOff>
    </xdr:from>
    <xdr:to>
      <xdr:col>102</xdr:col>
      <xdr:colOff>114300</xdr:colOff>
      <xdr:row>75</xdr:row>
      <xdr:rowOff>22855</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a:off x="18656300" y="12866381"/>
          <a:ext cx="889000" cy="15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01534</xdr:rowOff>
    </xdr:from>
    <xdr:to>
      <xdr:col>102</xdr:col>
      <xdr:colOff>165100</xdr:colOff>
      <xdr:row>75</xdr:row>
      <xdr:rowOff>31684</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19494500" y="12788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48211</xdr:rowOff>
    </xdr:from>
    <xdr:ext cx="534377"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19278111" y="12564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12004</xdr:rowOff>
    </xdr:from>
    <xdr:to>
      <xdr:col>98</xdr:col>
      <xdr:colOff>38100</xdr:colOff>
      <xdr:row>75</xdr:row>
      <xdr:rowOff>42154</xdr:rowOff>
    </xdr:to>
    <xdr:sp macro="" textlink="">
      <xdr:nvSpPr>
        <xdr:cNvPr id="863" name="フローチャート: 判断 862">
          <a:extLst>
            <a:ext uri="{FF2B5EF4-FFF2-40B4-BE49-F238E27FC236}">
              <a16:creationId xmlns:a16="http://schemas.microsoft.com/office/drawing/2014/main" id="{00000000-0008-0000-0600-00005F030000}"/>
            </a:ext>
          </a:extLst>
        </xdr:cNvPr>
        <xdr:cNvSpPr/>
      </xdr:nvSpPr>
      <xdr:spPr>
        <a:xfrm>
          <a:off x="18605500" y="12799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58681</xdr:rowOff>
    </xdr:from>
    <xdr:ext cx="534377"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18389111" y="12574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68159</xdr:rowOff>
    </xdr:from>
    <xdr:to>
      <xdr:col>116</xdr:col>
      <xdr:colOff>114300</xdr:colOff>
      <xdr:row>74</xdr:row>
      <xdr:rowOff>169759</xdr:rowOff>
    </xdr:to>
    <xdr:sp macro="" textlink="">
      <xdr:nvSpPr>
        <xdr:cNvPr id="870" name="楕円 869">
          <a:extLst>
            <a:ext uri="{FF2B5EF4-FFF2-40B4-BE49-F238E27FC236}">
              <a16:creationId xmlns:a16="http://schemas.microsoft.com/office/drawing/2014/main" id="{00000000-0008-0000-0600-000066030000}"/>
            </a:ext>
          </a:extLst>
        </xdr:cNvPr>
        <xdr:cNvSpPr/>
      </xdr:nvSpPr>
      <xdr:spPr>
        <a:xfrm>
          <a:off x="22110700" y="12755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91036</xdr:rowOff>
    </xdr:from>
    <xdr:ext cx="534377" cy="259045"/>
    <xdr:sp macro="" textlink="">
      <xdr:nvSpPr>
        <xdr:cNvPr id="871" name="繰出金該当値テキスト">
          <a:extLst>
            <a:ext uri="{FF2B5EF4-FFF2-40B4-BE49-F238E27FC236}">
              <a16:creationId xmlns:a16="http://schemas.microsoft.com/office/drawing/2014/main" id="{00000000-0008-0000-0600-000067030000}"/>
            </a:ext>
          </a:extLst>
        </xdr:cNvPr>
        <xdr:cNvSpPr txBox="1"/>
      </xdr:nvSpPr>
      <xdr:spPr>
        <a:xfrm>
          <a:off x="22212300" y="12606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145197</xdr:rowOff>
    </xdr:from>
    <xdr:to>
      <xdr:col>112</xdr:col>
      <xdr:colOff>38100</xdr:colOff>
      <xdr:row>74</xdr:row>
      <xdr:rowOff>75347</xdr:rowOff>
    </xdr:to>
    <xdr:sp macro="" textlink="">
      <xdr:nvSpPr>
        <xdr:cNvPr id="872" name="楕円 871">
          <a:extLst>
            <a:ext uri="{FF2B5EF4-FFF2-40B4-BE49-F238E27FC236}">
              <a16:creationId xmlns:a16="http://schemas.microsoft.com/office/drawing/2014/main" id="{00000000-0008-0000-0600-000068030000}"/>
            </a:ext>
          </a:extLst>
        </xdr:cNvPr>
        <xdr:cNvSpPr/>
      </xdr:nvSpPr>
      <xdr:spPr>
        <a:xfrm>
          <a:off x="21272500" y="12661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91874</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056111" y="12436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00894</xdr:rowOff>
    </xdr:from>
    <xdr:to>
      <xdr:col>107</xdr:col>
      <xdr:colOff>101600</xdr:colOff>
      <xdr:row>75</xdr:row>
      <xdr:rowOff>31044</xdr:rowOff>
    </xdr:to>
    <xdr:sp macro="" textlink="">
      <xdr:nvSpPr>
        <xdr:cNvPr id="874" name="楕円 873">
          <a:extLst>
            <a:ext uri="{FF2B5EF4-FFF2-40B4-BE49-F238E27FC236}">
              <a16:creationId xmlns:a16="http://schemas.microsoft.com/office/drawing/2014/main" id="{00000000-0008-0000-0600-00006A030000}"/>
            </a:ext>
          </a:extLst>
        </xdr:cNvPr>
        <xdr:cNvSpPr/>
      </xdr:nvSpPr>
      <xdr:spPr>
        <a:xfrm>
          <a:off x="20383500" y="12788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22171</xdr:rowOff>
    </xdr:from>
    <xdr:ext cx="534377"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0167111" y="12880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43505</xdr:rowOff>
    </xdr:from>
    <xdr:to>
      <xdr:col>102</xdr:col>
      <xdr:colOff>165100</xdr:colOff>
      <xdr:row>75</xdr:row>
      <xdr:rowOff>73655</xdr:rowOff>
    </xdr:to>
    <xdr:sp macro="" textlink="">
      <xdr:nvSpPr>
        <xdr:cNvPr id="876" name="楕円 875">
          <a:extLst>
            <a:ext uri="{FF2B5EF4-FFF2-40B4-BE49-F238E27FC236}">
              <a16:creationId xmlns:a16="http://schemas.microsoft.com/office/drawing/2014/main" id="{00000000-0008-0000-0600-00006C030000}"/>
            </a:ext>
          </a:extLst>
        </xdr:cNvPr>
        <xdr:cNvSpPr/>
      </xdr:nvSpPr>
      <xdr:spPr>
        <a:xfrm>
          <a:off x="19494500" y="12830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64782</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9278111" y="12923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28281</xdr:rowOff>
    </xdr:from>
    <xdr:to>
      <xdr:col>98</xdr:col>
      <xdr:colOff>38100</xdr:colOff>
      <xdr:row>75</xdr:row>
      <xdr:rowOff>58431</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18605500" y="12815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49558</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8389111" y="12908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a:extLst>
            <a:ext uri="{FF2B5EF4-FFF2-40B4-BE49-F238E27FC236}">
              <a16:creationId xmlns:a16="http://schemas.microsoft.com/office/drawing/2014/main" id="{00000000-0008-0000-0600-00007E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a:extLst>
            <a:ext uri="{FF2B5EF4-FFF2-40B4-BE49-F238E27FC236}">
              <a16:creationId xmlns:a16="http://schemas.microsoft.com/office/drawing/2014/main" id="{00000000-0008-0000-0600-000080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a:extLst>
            <a:ext uri="{FF2B5EF4-FFF2-40B4-BE49-F238E27FC236}">
              <a16:creationId xmlns:a16="http://schemas.microsoft.com/office/drawing/2014/main" id="{00000000-0008-0000-0600-000082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a:extLst>
            <a:ext uri="{FF2B5EF4-FFF2-40B4-BE49-F238E27FC236}">
              <a16:creationId xmlns:a16="http://schemas.microsoft.com/office/drawing/2014/main" id="{00000000-0008-0000-0600-000085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a:extLst>
            <a:ext uri="{FF2B5EF4-FFF2-40B4-BE49-F238E27FC236}">
              <a16:creationId xmlns:a16="http://schemas.microsoft.com/office/drawing/2014/main" id="{00000000-0008-0000-0600-00008E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a:extLst>
            <a:ext uri="{FF2B5EF4-FFF2-40B4-BE49-F238E27FC236}">
              <a16:creationId xmlns:a16="http://schemas.microsoft.com/office/drawing/2014/main" id="{00000000-0008-0000-0600-000097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a:extLst>
            <a:ext uri="{FF2B5EF4-FFF2-40B4-BE49-F238E27FC236}">
              <a16:creationId xmlns:a16="http://schemas.microsoft.com/office/drawing/2014/main" id="{00000000-0008-0000-0600-000098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a:extLst>
            <a:ext uri="{FF2B5EF4-FFF2-40B4-BE49-F238E27FC236}">
              <a16:creationId xmlns:a16="http://schemas.microsoft.com/office/drawing/2014/main" id="{00000000-0008-0000-0600-000099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a:extLst>
            <a:ext uri="{FF2B5EF4-FFF2-40B4-BE49-F238E27FC236}">
              <a16:creationId xmlns:a16="http://schemas.microsoft.com/office/drawing/2014/main" id="{00000000-0008-0000-0600-00009B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a:extLst>
            <a:ext uri="{FF2B5EF4-FFF2-40B4-BE49-F238E27FC236}">
              <a16:creationId xmlns:a16="http://schemas.microsoft.com/office/drawing/2014/main" id="{00000000-0008-0000-0600-0000A1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１人当たり５８３，２８７円となっている。主な構成項目である人件費は１０７，０１６円となっており、類似団体平均と比較しても低い水準となっている。類似団体と比較し職員数が少なく、ラスパイレス指数も低いことが主な要因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物件費は住民一人当たり７９，３２５円、維持補修費５，４０９円、扶助費７５，１７４円、補助費等１０３，９９３円、普通建設事業費２２，５１５円と類似団体平均と比較して１人当たりコストがすべて低い状況となっている。普通建設事業は今後、教育施設等の改修が見込まれ、増加が見込まれ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84
6,916
7.05
4,416,745
4,073,683
339,840
2,501,157
3,464,2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0
10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4072</xdr:rowOff>
    </xdr:from>
    <xdr:to>
      <xdr:col>24</xdr:col>
      <xdr:colOff>62865</xdr:colOff>
      <xdr:row>39</xdr:row>
      <xdr:rowOff>45593</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07572"/>
          <a:ext cx="1270" cy="1524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49420</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73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45593</xdr:rowOff>
    </xdr:from>
    <xdr:to>
      <xdr:col>24</xdr:col>
      <xdr:colOff>152400</xdr:colOff>
      <xdr:row>39</xdr:row>
      <xdr:rowOff>45593</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732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749</xdr:rowOff>
    </xdr:from>
    <xdr:ext cx="534377"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82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9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64072</xdr:rowOff>
    </xdr:from>
    <xdr:to>
      <xdr:col>24</xdr:col>
      <xdr:colOff>152400</xdr:colOff>
      <xdr:row>30</xdr:row>
      <xdr:rowOff>64072</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07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9208</xdr:rowOff>
    </xdr:from>
    <xdr:to>
      <xdr:col>24</xdr:col>
      <xdr:colOff>63500</xdr:colOff>
      <xdr:row>34</xdr:row>
      <xdr:rowOff>109029</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3797300" y="5667058"/>
          <a:ext cx="838200" cy="271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5511</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162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7084</xdr:rowOff>
    </xdr:from>
    <xdr:to>
      <xdr:col>24</xdr:col>
      <xdr:colOff>114300</xdr:colOff>
      <xdr:row>35</xdr:row>
      <xdr:rowOff>138684</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7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9208</xdr:rowOff>
    </xdr:from>
    <xdr:to>
      <xdr:col>19</xdr:col>
      <xdr:colOff>177800</xdr:colOff>
      <xdr:row>33</xdr:row>
      <xdr:rowOff>108648</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2908300" y="5667058"/>
          <a:ext cx="889000" cy="99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8895</xdr:rowOff>
    </xdr:from>
    <xdr:to>
      <xdr:col>20</xdr:col>
      <xdr:colOff>38100</xdr:colOff>
      <xdr:row>35</xdr:row>
      <xdr:rowOff>150495</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41622</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42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08648</xdr:rowOff>
    </xdr:from>
    <xdr:to>
      <xdr:col>15</xdr:col>
      <xdr:colOff>50800</xdr:colOff>
      <xdr:row>34</xdr:row>
      <xdr:rowOff>33591</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019300" y="5766498"/>
          <a:ext cx="889000" cy="96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59004</xdr:rowOff>
    </xdr:from>
    <xdr:to>
      <xdr:col>15</xdr:col>
      <xdr:colOff>101600</xdr:colOff>
      <xdr:row>35</xdr:row>
      <xdr:rowOff>89154</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5988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0281</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081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33591</xdr:rowOff>
    </xdr:from>
    <xdr:to>
      <xdr:col>10</xdr:col>
      <xdr:colOff>114300</xdr:colOff>
      <xdr:row>34</xdr:row>
      <xdr:rowOff>121984</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862891"/>
          <a:ext cx="889000" cy="88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56528</xdr:rowOff>
    </xdr:from>
    <xdr:to>
      <xdr:col>10</xdr:col>
      <xdr:colOff>165100</xdr:colOff>
      <xdr:row>35</xdr:row>
      <xdr:rowOff>86678</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8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77805</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78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5748</xdr:rowOff>
    </xdr:from>
    <xdr:to>
      <xdr:col>6</xdr:col>
      <xdr:colOff>38100</xdr:colOff>
      <xdr:row>35</xdr:row>
      <xdr:rowOff>117348</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016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08475</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109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8229</xdr:rowOff>
    </xdr:from>
    <xdr:to>
      <xdr:col>24</xdr:col>
      <xdr:colOff>114300</xdr:colOff>
      <xdr:row>34</xdr:row>
      <xdr:rowOff>159829</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887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81106</xdr:rowOff>
    </xdr:from>
    <xdr:ext cx="534377"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738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29858</xdr:rowOff>
    </xdr:from>
    <xdr:to>
      <xdr:col>20</xdr:col>
      <xdr:colOff>38100</xdr:colOff>
      <xdr:row>33</xdr:row>
      <xdr:rowOff>60008</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616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76535</xdr:rowOff>
    </xdr:from>
    <xdr:ext cx="534377"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30111" y="5391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57848</xdr:rowOff>
    </xdr:from>
    <xdr:to>
      <xdr:col>15</xdr:col>
      <xdr:colOff>101600</xdr:colOff>
      <xdr:row>33</xdr:row>
      <xdr:rowOff>159448</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715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4525</xdr:rowOff>
    </xdr:from>
    <xdr:ext cx="534377"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41111" y="5490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54241</xdr:rowOff>
    </xdr:from>
    <xdr:to>
      <xdr:col>10</xdr:col>
      <xdr:colOff>165100</xdr:colOff>
      <xdr:row>34</xdr:row>
      <xdr:rowOff>84391</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812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100918</xdr:rowOff>
    </xdr:from>
    <xdr:ext cx="534377"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52111" y="5587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71184</xdr:rowOff>
    </xdr:from>
    <xdr:to>
      <xdr:col>6</xdr:col>
      <xdr:colOff>38100</xdr:colOff>
      <xdr:row>35</xdr:row>
      <xdr:rowOff>1334</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900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7861</xdr:rowOff>
    </xdr:from>
    <xdr:ext cx="534377"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63111" y="5675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38299</xdr:rowOff>
    </xdr:from>
    <xdr:ext cx="685572"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76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87574</xdr:rowOff>
    </xdr:from>
    <xdr:to>
      <xdr:col>24</xdr:col>
      <xdr:colOff>62865</xdr:colOff>
      <xdr:row>58</xdr:row>
      <xdr:rowOff>136152</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8488624"/>
          <a:ext cx="1270" cy="1591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39979</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10084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6152</xdr:rowOff>
    </xdr:from>
    <xdr:to>
      <xdr:col>24</xdr:col>
      <xdr:colOff>152400</xdr:colOff>
      <xdr:row>58</xdr:row>
      <xdr:rowOff>136152</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10080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34251</xdr:rowOff>
    </xdr:from>
    <xdr:ext cx="690189"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82638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6,92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87574</xdr:rowOff>
    </xdr:from>
    <xdr:to>
      <xdr:col>24</xdr:col>
      <xdr:colOff>152400</xdr:colOff>
      <xdr:row>49</xdr:row>
      <xdr:rowOff>87574</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8488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99609</xdr:rowOff>
    </xdr:from>
    <xdr:to>
      <xdr:col>24</xdr:col>
      <xdr:colOff>63500</xdr:colOff>
      <xdr:row>58</xdr:row>
      <xdr:rowOff>59341</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3797300" y="9872259"/>
          <a:ext cx="838200" cy="131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0576</xdr:rowOff>
    </xdr:from>
    <xdr:ext cx="599010"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6517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7699</xdr:rowOff>
    </xdr:from>
    <xdr:to>
      <xdr:col>24</xdr:col>
      <xdr:colOff>114300</xdr:colOff>
      <xdr:row>57</xdr:row>
      <xdr:rowOff>129299</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800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99609</xdr:rowOff>
    </xdr:from>
    <xdr:to>
      <xdr:col>19</xdr:col>
      <xdr:colOff>177800</xdr:colOff>
      <xdr:row>58</xdr:row>
      <xdr:rowOff>94277</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flipV="1">
          <a:off x="2908300" y="9872259"/>
          <a:ext cx="889000" cy="166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93271</xdr:rowOff>
    </xdr:from>
    <xdr:to>
      <xdr:col>20</xdr:col>
      <xdr:colOff>38100</xdr:colOff>
      <xdr:row>57</xdr:row>
      <xdr:rowOff>23421</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9694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39948</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497795" y="9469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94277</xdr:rowOff>
    </xdr:from>
    <xdr:to>
      <xdr:col>15</xdr:col>
      <xdr:colOff>50800</xdr:colOff>
      <xdr:row>58</xdr:row>
      <xdr:rowOff>133266</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2019300" y="10038377"/>
          <a:ext cx="889000" cy="38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17496</xdr:rowOff>
    </xdr:from>
    <xdr:to>
      <xdr:col>15</xdr:col>
      <xdr:colOff>101600</xdr:colOff>
      <xdr:row>58</xdr:row>
      <xdr:rowOff>47646</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890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64173</xdr:rowOff>
    </xdr:from>
    <xdr:ext cx="59901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08795" y="96653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33266</xdr:rowOff>
    </xdr:from>
    <xdr:to>
      <xdr:col>10</xdr:col>
      <xdr:colOff>114300</xdr:colOff>
      <xdr:row>58</xdr:row>
      <xdr:rowOff>153894</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flipV="1">
          <a:off x="1130300" y="10077366"/>
          <a:ext cx="889000" cy="2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2558</xdr:rowOff>
    </xdr:from>
    <xdr:to>
      <xdr:col>10</xdr:col>
      <xdr:colOff>165100</xdr:colOff>
      <xdr:row>58</xdr:row>
      <xdr:rowOff>52708</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895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69235</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19795" y="96704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4806</xdr:rowOff>
    </xdr:from>
    <xdr:to>
      <xdr:col>6</xdr:col>
      <xdr:colOff>38100</xdr:colOff>
      <xdr:row>58</xdr:row>
      <xdr:rowOff>34956</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87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51483</xdr:rowOff>
    </xdr:from>
    <xdr:ext cx="59901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30795" y="9652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8541</xdr:rowOff>
    </xdr:from>
    <xdr:to>
      <xdr:col>24</xdr:col>
      <xdr:colOff>114300</xdr:colOff>
      <xdr:row>58</xdr:row>
      <xdr:rowOff>110141</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9952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94918</xdr:rowOff>
    </xdr:from>
    <xdr:ext cx="599010"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8675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48809</xdr:rowOff>
    </xdr:from>
    <xdr:to>
      <xdr:col>20</xdr:col>
      <xdr:colOff>38100</xdr:colOff>
      <xdr:row>57</xdr:row>
      <xdr:rowOff>150409</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9821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141536</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497795" y="99141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43477</xdr:rowOff>
    </xdr:from>
    <xdr:to>
      <xdr:col>15</xdr:col>
      <xdr:colOff>101600</xdr:colOff>
      <xdr:row>58</xdr:row>
      <xdr:rowOff>145077</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9987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36204</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08795" y="10080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82466</xdr:rowOff>
    </xdr:from>
    <xdr:to>
      <xdr:col>10</xdr:col>
      <xdr:colOff>165100</xdr:colOff>
      <xdr:row>59</xdr:row>
      <xdr:rowOff>12616</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10026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743</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52111" y="10119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3094</xdr:rowOff>
    </xdr:from>
    <xdr:to>
      <xdr:col>6</xdr:col>
      <xdr:colOff>38100</xdr:colOff>
      <xdr:row>59</xdr:row>
      <xdr:rowOff>33244</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10047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4371</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63111" y="1013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67721</xdr:rowOff>
    </xdr:from>
    <xdr:to>
      <xdr:col>24</xdr:col>
      <xdr:colOff>62865</xdr:colOff>
      <xdr:row>76</xdr:row>
      <xdr:rowOff>169173</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flipV="1">
          <a:off x="4633595" y="12169221"/>
          <a:ext cx="1270" cy="1030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50</xdr:rowOff>
    </xdr:from>
    <xdr:ext cx="599010" cy="259045"/>
    <xdr:sp macro="" textlink="">
      <xdr:nvSpPr>
        <xdr:cNvPr id="170" name="民生費最小値テキスト">
          <a:extLst>
            <a:ext uri="{FF2B5EF4-FFF2-40B4-BE49-F238E27FC236}">
              <a16:creationId xmlns:a16="http://schemas.microsoft.com/office/drawing/2014/main" id="{00000000-0008-0000-0700-0000AA000000}"/>
            </a:ext>
          </a:extLst>
        </xdr:cNvPr>
        <xdr:cNvSpPr txBox="1"/>
      </xdr:nvSpPr>
      <xdr:spPr>
        <a:xfrm>
          <a:off x="4686300" y="132032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6</xdr:row>
      <xdr:rowOff>169173</xdr:rowOff>
    </xdr:from>
    <xdr:to>
      <xdr:col>24</xdr:col>
      <xdr:colOff>152400</xdr:colOff>
      <xdr:row>76</xdr:row>
      <xdr:rowOff>169173</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3199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14398</xdr:rowOff>
    </xdr:from>
    <xdr:ext cx="599010" cy="259045"/>
    <xdr:sp macro="" textlink="">
      <xdr:nvSpPr>
        <xdr:cNvPr id="172" name="民生費最大値テキスト">
          <a:extLst>
            <a:ext uri="{FF2B5EF4-FFF2-40B4-BE49-F238E27FC236}">
              <a16:creationId xmlns:a16="http://schemas.microsoft.com/office/drawing/2014/main" id="{00000000-0008-0000-0700-0000AC000000}"/>
            </a:ext>
          </a:extLst>
        </xdr:cNvPr>
        <xdr:cNvSpPr txBox="1"/>
      </xdr:nvSpPr>
      <xdr:spPr>
        <a:xfrm>
          <a:off x="4686300" y="11944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5,0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67721</xdr:rowOff>
    </xdr:from>
    <xdr:to>
      <xdr:col>24</xdr:col>
      <xdr:colOff>152400</xdr:colOff>
      <xdr:row>70</xdr:row>
      <xdr:rowOff>167721</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21692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92357</xdr:rowOff>
    </xdr:from>
    <xdr:to>
      <xdr:col>24</xdr:col>
      <xdr:colOff>63500</xdr:colOff>
      <xdr:row>77</xdr:row>
      <xdr:rowOff>21326</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flipV="1">
          <a:off x="3797300" y="13122557"/>
          <a:ext cx="838200" cy="100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93677</xdr:rowOff>
    </xdr:from>
    <xdr:ext cx="599010" cy="259045"/>
    <xdr:sp macro="" textlink="">
      <xdr:nvSpPr>
        <xdr:cNvPr id="175" name="民生費平均値テキスト">
          <a:extLst>
            <a:ext uri="{FF2B5EF4-FFF2-40B4-BE49-F238E27FC236}">
              <a16:creationId xmlns:a16="http://schemas.microsoft.com/office/drawing/2014/main" id="{00000000-0008-0000-0700-0000AF000000}"/>
            </a:ext>
          </a:extLst>
        </xdr:cNvPr>
        <xdr:cNvSpPr txBox="1"/>
      </xdr:nvSpPr>
      <xdr:spPr>
        <a:xfrm>
          <a:off x="4686300" y="126095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3,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70800</xdr:rowOff>
    </xdr:from>
    <xdr:to>
      <xdr:col>24</xdr:col>
      <xdr:colOff>114300</xdr:colOff>
      <xdr:row>75</xdr:row>
      <xdr:rowOff>950</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4584700" y="1275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21326</xdr:rowOff>
    </xdr:from>
    <xdr:to>
      <xdr:col>19</xdr:col>
      <xdr:colOff>177800</xdr:colOff>
      <xdr:row>77</xdr:row>
      <xdr:rowOff>58502</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2908300" y="13222976"/>
          <a:ext cx="889000" cy="37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66915</xdr:rowOff>
    </xdr:from>
    <xdr:to>
      <xdr:col>20</xdr:col>
      <xdr:colOff>38100</xdr:colOff>
      <xdr:row>75</xdr:row>
      <xdr:rowOff>168514</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3746500" y="12925665"/>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3592</xdr:rowOff>
    </xdr:from>
    <xdr:ext cx="599010" cy="259045"/>
    <xdr:sp macro="" textlink="">
      <xdr:nvSpPr>
        <xdr:cNvPr id="179" name="テキスト ボックス 178">
          <a:extLst>
            <a:ext uri="{FF2B5EF4-FFF2-40B4-BE49-F238E27FC236}">
              <a16:creationId xmlns:a16="http://schemas.microsoft.com/office/drawing/2014/main" id="{00000000-0008-0000-0700-0000B3000000}"/>
            </a:ext>
          </a:extLst>
        </xdr:cNvPr>
        <xdr:cNvSpPr txBox="1"/>
      </xdr:nvSpPr>
      <xdr:spPr>
        <a:xfrm>
          <a:off x="3497795" y="127008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58502</xdr:rowOff>
    </xdr:from>
    <xdr:to>
      <xdr:col>15</xdr:col>
      <xdr:colOff>50800</xdr:colOff>
      <xdr:row>77</xdr:row>
      <xdr:rowOff>115514</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019300" y="13260152"/>
          <a:ext cx="889000" cy="57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87031</xdr:rowOff>
    </xdr:from>
    <xdr:to>
      <xdr:col>15</xdr:col>
      <xdr:colOff>101600</xdr:colOff>
      <xdr:row>76</xdr:row>
      <xdr:rowOff>17180</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2857500" y="1294578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33708</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2608795" y="127210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79755</xdr:rowOff>
    </xdr:from>
    <xdr:to>
      <xdr:col>10</xdr:col>
      <xdr:colOff>114300</xdr:colOff>
      <xdr:row>77</xdr:row>
      <xdr:rowOff>115514</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a:off x="1130300" y="13281405"/>
          <a:ext cx="889000" cy="35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10697</xdr:rowOff>
    </xdr:from>
    <xdr:to>
      <xdr:col>10</xdr:col>
      <xdr:colOff>165100</xdr:colOff>
      <xdr:row>76</xdr:row>
      <xdr:rowOff>4084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968500" y="12969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5737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1719795" y="127446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20018</xdr:rowOff>
    </xdr:from>
    <xdr:to>
      <xdr:col>6</xdr:col>
      <xdr:colOff>38100</xdr:colOff>
      <xdr:row>76</xdr:row>
      <xdr:rowOff>50167</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079500" y="1297876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66695</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830795" y="127539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41557</xdr:rowOff>
    </xdr:from>
    <xdr:to>
      <xdr:col>24</xdr:col>
      <xdr:colOff>114300</xdr:colOff>
      <xdr:row>76</xdr:row>
      <xdr:rowOff>143157</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4584700" y="1307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27934</xdr:rowOff>
    </xdr:from>
    <xdr:ext cx="599010" cy="259045"/>
    <xdr:sp macro="" textlink="">
      <xdr:nvSpPr>
        <xdr:cNvPr id="194" name="民生費該当値テキスト">
          <a:extLst>
            <a:ext uri="{FF2B5EF4-FFF2-40B4-BE49-F238E27FC236}">
              <a16:creationId xmlns:a16="http://schemas.microsoft.com/office/drawing/2014/main" id="{00000000-0008-0000-0700-0000C2000000}"/>
            </a:ext>
          </a:extLst>
        </xdr:cNvPr>
        <xdr:cNvSpPr txBox="1"/>
      </xdr:nvSpPr>
      <xdr:spPr>
        <a:xfrm>
          <a:off x="4686300" y="12986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41976</xdr:rowOff>
    </xdr:from>
    <xdr:to>
      <xdr:col>20</xdr:col>
      <xdr:colOff>38100</xdr:colOff>
      <xdr:row>77</xdr:row>
      <xdr:rowOff>72126</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3746500" y="13172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63253</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3497795" y="13264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7702</xdr:rowOff>
    </xdr:from>
    <xdr:to>
      <xdr:col>15</xdr:col>
      <xdr:colOff>101600</xdr:colOff>
      <xdr:row>77</xdr:row>
      <xdr:rowOff>109302</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2857500" y="13209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00429</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608795" y="133020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64714</xdr:rowOff>
    </xdr:from>
    <xdr:to>
      <xdr:col>10</xdr:col>
      <xdr:colOff>165100</xdr:colOff>
      <xdr:row>77</xdr:row>
      <xdr:rowOff>166314</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968500" y="13266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57441</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719795" y="133590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8955</xdr:rowOff>
    </xdr:from>
    <xdr:to>
      <xdr:col>6</xdr:col>
      <xdr:colOff>38100</xdr:colOff>
      <xdr:row>77</xdr:row>
      <xdr:rowOff>130555</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079500" y="13230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21682</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830795" y="133233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139700</xdr:rowOff>
    </xdr:from>
    <xdr:to>
      <xdr:col>28</xdr:col>
      <xdr:colOff>114300</xdr:colOff>
      <xdr:row>98</xdr:row>
      <xdr:rowOff>13970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168927</xdr:rowOff>
    </xdr:from>
    <xdr:ext cx="248786"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513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5</xdr:row>
      <xdr:rowOff>54627</xdr:rowOff>
    </xdr:from>
    <xdr:ext cx="59541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11177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衛生費グラフ枠">
          <a:extLst>
            <a:ext uri="{FF2B5EF4-FFF2-40B4-BE49-F238E27FC236}">
              <a16:creationId xmlns:a16="http://schemas.microsoft.com/office/drawing/2014/main" id="{00000000-0008-0000-07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253</xdr:rowOff>
    </xdr:from>
    <xdr:to>
      <xdr:col>24</xdr:col>
      <xdr:colOff>62865</xdr:colOff>
      <xdr:row>97</xdr:row>
      <xdr:rowOff>133976</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flipV="1">
          <a:off x="4633595" y="15605203"/>
          <a:ext cx="1270" cy="11594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37803</xdr:rowOff>
    </xdr:from>
    <xdr:ext cx="534377" cy="259045"/>
    <xdr:sp macro="" textlink="">
      <xdr:nvSpPr>
        <xdr:cNvPr id="225" name="衛生費最小値テキスト">
          <a:extLst>
            <a:ext uri="{FF2B5EF4-FFF2-40B4-BE49-F238E27FC236}">
              <a16:creationId xmlns:a16="http://schemas.microsoft.com/office/drawing/2014/main" id="{00000000-0008-0000-0700-0000E1000000}"/>
            </a:ext>
          </a:extLst>
        </xdr:cNvPr>
        <xdr:cNvSpPr txBox="1"/>
      </xdr:nvSpPr>
      <xdr:spPr>
        <a:xfrm>
          <a:off x="4686300" y="16768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3976</xdr:rowOff>
    </xdr:from>
    <xdr:to>
      <xdr:col>24</xdr:col>
      <xdr:colOff>152400</xdr:colOff>
      <xdr:row>97</xdr:row>
      <xdr:rowOff>133976</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4546600" y="1676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21380</xdr:rowOff>
    </xdr:from>
    <xdr:ext cx="599010" cy="259045"/>
    <xdr:sp macro="" textlink="">
      <xdr:nvSpPr>
        <xdr:cNvPr id="227" name="衛生費最大値テキスト">
          <a:extLst>
            <a:ext uri="{FF2B5EF4-FFF2-40B4-BE49-F238E27FC236}">
              <a16:creationId xmlns:a16="http://schemas.microsoft.com/office/drawing/2014/main" id="{00000000-0008-0000-0700-0000E3000000}"/>
            </a:ext>
          </a:extLst>
        </xdr:cNvPr>
        <xdr:cNvSpPr txBox="1"/>
      </xdr:nvSpPr>
      <xdr:spPr>
        <a:xfrm>
          <a:off x="4686300" y="15380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3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3253</xdr:rowOff>
    </xdr:from>
    <xdr:to>
      <xdr:col>24</xdr:col>
      <xdr:colOff>152400</xdr:colOff>
      <xdr:row>91</xdr:row>
      <xdr:rowOff>3253</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4546600" y="15605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39861</xdr:rowOff>
    </xdr:from>
    <xdr:to>
      <xdr:col>24</xdr:col>
      <xdr:colOff>63500</xdr:colOff>
      <xdr:row>96</xdr:row>
      <xdr:rowOff>67833</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3797300" y="16499061"/>
          <a:ext cx="838200" cy="2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4859</xdr:rowOff>
    </xdr:from>
    <xdr:ext cx="534377" cy="259045"/>
    <xdr:sp macro="" textlink="">
      <xdr:nvSpPr>
        <xdr:cNvPr id="230" name="衛生費平均値テキスト">
          <a:extLst>
            <a:ext uri="{FF2B5EF4-FFF2-40B4-BE49-F238E27FC236}">
              <a16:creationId xmlns:a16="http://schemas.microsoft.com/office/drawing/2014/main" id="{00000000-0008-0000-0700-0000E6000000}"/>
            </a:ext>
          </a:extLst>
        </xdr:cNvPr>
        <xdr:cNvSpPr txBox="1"/>
      </xdr:nvSpPr>
      <xdr:spPr>
        <a:xfrm>
          <a:off x="4686300" y="164740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36432</xdr:rowOff>
    </xdr:from>
    <xdr:to>
      <xdr:col>24</xdr:col>
      <xdr:colOff>114300</xdr:colOff>
      <xdr:row>96</xdr:row>
      <xdr:rowOff>138032</xdr:rowOff>
    </xdr:to>
    <xdr:sp macro="" textlink="">
      <xdr:nvSpPr>
        <xdr:cNvPr id="231" name="フローチャート: 判断 230">
          <a:extLst>
            <a:ext uri="{FF2B5EF4-FFF2-40B4-BE49-F238E27FC236}">
              <a16:creationId xmlns:a16="http://schemas.microsoft.com/office/drawing/2014/main" id="{00000000-0008-0000-0700-0000E7000000}"/>
            </a:ext>
          </a:extLst>
        </xdr:cNvPr>
        <xdr:cNvSpPr/>
      </xdr:nvSpPr>
      <xdr:spPr>
        <a:xfrm>
          <a:off x="4584700" y="16495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67833</xdr:rowOff>
    </xdr:from>
    <xdr:to>
      <xdr:col>19</xdr:col>
      <xdr:colOff>177800</xdr:colOff>
      <xdr:row>96</xdr:row>
      <xdr:rowOff>117599</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flipV="1">
          <a:off x="2908300" y="16527033"/>
          <a:ext cx="889000" cy="49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80835</xdr:rowOff>
    </xdr:from>
    <xdr:to>
      <xdr:col>20</xdr:col>
      <xdr:colOff>38100</xdr:colOff>
      <xdr:row>97</xdr:row>
      <xdr:rowOff>10985</xdr:rowOff>
    </xdr:to>
    <xdr:sp macro="" textlink="">
      <xdr:nvSpPr>
        <xdr:cNvPr id="233" name="フローチャート: 判断 232">
          <a:extLst>
            <a:ext uri="{FF2B5EF4-FFF2-40B4-BE49-F238E27FC236}">
              <a16:creationId xmlns:a16="http://schemas.microsoft.com/office/drawing/2014/main" id="{00000000-0008-0000-0700-0000E9000000}"/>
            </a:ext>
          </a:extLst>
        </xdr:cNvPr>
        <xdr:cNvSpPr/>
      </xdr:nvSpPr>
      <xdr:spPr>
        <a:xfrm>
          <a:off x="3746500" y="16540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2112</xdr:rowOff>
    </xdr:from>
    <xdr:ext cx="534377" cy="259045"/>
    <xdr:sp macro="" textlink="">
      <xdr:nvSpPr>
        <xdr:cNvPr id="234" name="テキスト ボックス 233">
          <a:extLst>
            <a:ext uri="{FF2B5EF4-FFF2-40B4-BE49-F238E27FC236}">
              <a16:creationId xmlns:a16="http://schemas.microsoft.com/office/drawing/2014/main" id="{00000000-0008-0000-0700-0000EA000000}"/>
            </a:ext>
          </a:extLst>
        </xdr:cNvPr>
        <xdr:cNvSpPr txBox="1"/>
      </xdr:nvSpPr>
      <xdr:spPr>
        <a:xfrm>
          <a:off x="3530111" y="1663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74809</xdr:rowOff>
    </xdr:from>
    <xdr:to>
      <xdr:col>15</xdr:col>
      <xdr:colOff>50800</xdr:colOff>
      <xdr:row>96</xdr:row>
      <xdr:rowOff>117599</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2019300" y="16534009"/>
          <a:ext cx="889000" cy="42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1757</xdr:rowOff>
    </xdr:from>
    <xdr:to>
      <xdr:col>15</xdr:col>
      <xdr:colOff>101600</xdr:colOff>
      <xdr:row>97</xdr:row>
      <xdr:rowOff>31907</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2857500" y="16560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23034</xdr:rowOff>
    </xdr:from>
    <xdr:ext cx="534377" cy="259045"/>
    <xdr:sp macro="" textlink="">
      <xdr:nvSpPr>
        <xdr:cNvPr id="237" name="テキスト ボックス 236">
          <a:extLst>
            <a:ext uri="{FF2B5EF4-FFF2-40B4-BE49-F238E27FC236}">
              <a16:creationId xmlns:a16="http://schemas.microsoft.com/office/drawing/2014/main" id="{00000000-0008-0000-0700-0000ED000000}"/>
            </a:ext>
          </a:extLst>
        </xdr:cNvPr>
        <xdr:cNvSpPr txBox="1"/>
      </xdr:nvSpPr>
      <xdr:spPr>
        <a:xfrm>
          <a:off x="2641111" y="16653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74809</xdr:rowOff>
    </xdr:from>
    <xdr:to>
      <xdr:col>10</xdr:col>
      <xdr:colOff>114300</xdr:colOff>
      <xdr:row>96</xdr:row>
      <xdr:rowOff>93582</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1130300" y="16534009"/>
          <a:ext cx="889000" cy="18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7209</xdr:rowOff>
    </xdr:from>
    <xdr:to>
      <xdr:col>10</xdr:col>
      <xdr:colOff>165100</xdr:colOff>
      <xdr:row>97</xdr:row>
      <xdr:rowOff>7359</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1968500" y="16536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69936</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1752111" y="16629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2353</xdr:rowOff>
    </xdr:from>
    <xdr:to>
      <xdr:col>6</xdr:col>
      <xdr:colOff>38100</xdr:colOff>
      <xdr:row>97</xdr:row>
      <xdr:rowOff>12503</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1079500" y="16541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3630</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863111" y="16634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0511</xdr:rowOff>
    </xdr:from>
    <xdr:to>
      <xdr:col>24</xdr:col>
      <xdr:colOff>114300</xdr:colOff>
      <xdr:row>96</xdr:row>
      <xdr:rowOff>90661</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4584700" y="16448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1938</xdr:rowOff>
    </xdr:from>
    <xdr:ext cx="534377" cy="259045"/>
    <xdr:sp macro="" textlink="">
      <xdr:nvSpPr>
        <xdr:cNvPr id="249" name="衛生費該当値テキスト">
          <a:extLst>
            <a:ext uri="{FF2B5EF4-FFF2-40B4-BE49-F238E27FC236}">
              <a16:creationId xmlns:a16="http://schemas.microsoft.com/office/drawing/2014/main" id="{00000000-0008-0000-0700-0000F9000000}"/>
            </a:ext>
          </a:extLst>
        </xdr:cNvPr>
        <xdr:cNvSpPr txBox="1"/>
      </xdr:nvSpPr>
      <xdr:spPr>
        <a:xfrm>
          <a:off x="4686300" y="16299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7033</xdr:rowOff>
    </xdr:from>
    <xdr:to>
      <xdr:col>20</xdr:col>
      <xdr:colOff>38100</xdr:colOff>
      <xdr:row>96</xdr:row>
      <xdr:rowOff>118633</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3746500" y="16476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35160</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530111" y="16251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66799</xdr:rowOff>
    </xdr:from>
    <xdr:to>
      <xdr:col>15</xdr:col>
      <xdr:colOff>101600</xdr:colOff>
      <xdr:row>96</xdr:row>
      <xdr:rowOff>168399</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2857500" y="16525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3476</xdr:rowOff>
    </xdr:from>
    <xdr:ext cx="534377"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2641111" y="16301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24009</xdr:rowOff>
    </xdr:from>
    <xdr:to>
      <xdr:col>10</xdr:col>
      <xdr:colOff>165100</xdr:colOff>
      <xdr:row>96</xdr:row>
      <xdr:rowOff>125609</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1968500" y="1648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42136</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1752111" y="16258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2782</xdr:rowOff>
    </xdr:from>
    <xdr:to>
      <xdr:col>6</xdr:col>
      <xdr:colOff>38100</xdr:colOff>
      <xdr:row>96</xdr:row>
      <xdr:rowOff>144382</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1079500" y="16501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60909</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863111" y="16277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7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8" name="労働費グラフ枠">
          <a:extLst>
            <a:ext uri="{FF2B5EF4-FFF2-40B4-BE49-F238E27FC236}">
              <a16:creationId xmlns:a16="http://schemas.microsoft.com/office/drawing/2014/main" id="{00000000-0008-0000-0700-000016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68285</xdr:rowOff>
    </xdr:from>
    <xdr:to>
      <xdr:col>54</xdr:col>
      <xdr:colOff>189865</xdr:colOff>
      <xdr:row>38</xdr:row>
      <xdr:rowOff>1397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flipV="1">
          <a:off x="10475595" y="5211785"/>
          <a:ext cx="1270" cy="144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0" name="労働費最小値テキスト">
          <a:extLst>
            <a:ext uri="{FF2B5EF4-FFF2-40B4-BE49-F238E27FC236}">
              <a16:creationId xmlns:a16="http://schemas.microsoft.com/office/drawing/2014/main" id="{00000000-0008-0000-0700-000018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962</xdr:rowOff>
    </xdr:from>
    <xdr:ext cx="534377" cy="259045"/>
    <xdr:sp macro="" textlink="">
      <xdr:nvSpPr>
        <xdr:cNvPr id="282" name="労働費最大値テキスト">
          <a:extLst>
            <a:ext uri="{FF2B5EF4-FFF2-40B4-BE49-F238E27FC236}">
              <a16:creationId xmlns:a16="http://schemas.microsoft.com/office/drawing/2014/main" id="{00000000-0008-0000-0700-00001A010000}"/>
            </a:ext>
          </a:extLst>
        </xdr:cNvPr>
        <xdr:cNvSpPr txBox="1"/>
      </xdr:nvSpPr>
      <xdr:spPr>
        <a:xfrm>
          <a:off x="10528300" y="4987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7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68285</xdr:rowOff>
    </xdr:from>
    <xdr:to>
      <xdr:col>55</xdr:col>
      <xdr:colOff>88900</xdr:colOff>
      <xdr:row>30</xdr:row>
      <xdr:rowOff>68285</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10388600" y="5211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9700</xdr:rowOff>
    </xdr:from>
    <xdr:to>
      <xdr:col>55</xdr:col>
      <xdr:colOff>0</xdr:colOff>
      <xdr:row>38</xdr:row>
      <xdr:rowOff>1397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9639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35973</xdr:rowOff>
    </xdr:from>
    <xdr:ext cx="378565" cy="259045"/>
    <xdr:sp macro="" textlink="">
      <xdr:nvSpPr>
        <xdr:cNvPr id="285" name="労働費平均値テキスト">
          <a:extLst>
            <a:ext uri="{FF2B5EF4-FFF2-40B4-BE49-F238E27FC236}">
              <a16:creationId xmlns:a16="http://schemas.microsoft.com/office/drawing/2014/main" id="{00000000-0008-0000-0700-00001D010000}"/>
            </a:ext>
          </a:extLst>
        </xdr:cNvPr>
        <xdr:cNvSpPr txBox="1"/>
      </xdr:nvSpPr>
      <xdr:spPr>
        <a:xfrm>
          <a:off x="10528300" y="637962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096</xdr:rowOff>
    </xdr:from>
    <xdr:to>
      <xdr:col>55</xdr:col>
      <xdr:colOff>50800</xdr:colOff>
      <xdr:row>38</xdr:row>
      <xdr:rowOff>114696</xdr:rowOff>
    </xdr:to>
    <xdr:sp macro="" textlink="">
      <xdr:nvSpPr>
        <xdr:cNvPr id="286" name="フローチャート: 判断 285">
          <a:extLst>
            <a:ext uri="{FF2B5EF4-FFF2-40B4-BE49-F238E27FC236}">
              <a16:creationId xmlns:a16="http://schemas.microsoft.com/office/drawing/2014/main" id="{00000000-0008-0000-0700-00001E010000}"/>
            </a:ext>
          </a:extLst>
        </xdr:cNvPr>
        <xdr:cNvSpPr/>
      </xdr:nvSpPr>
      <xdr:spPr>
        <a:xfrm>
          <a:off x="10426700" y="6528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9700</xdr:rowOff>
    </xdr:from>
    <xdr:to>
      <xdr:col>50</xdr:col>
      <xdr:colOff>114300</xdr:colOff>
      <xdr:row>38</xdr:row>
      <xdr:rowOff>1397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8750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5618</xdr:rowOff>
    </xdr:from>
    <xdr:to>
      <xdr:col>50</xdr:col>
      <xdr:colOff>165100</xdr:colOff>
      <xdr:row>38</xdr:row>
      <xdr:rowOff>95768</xdr:rowOff>
    </xdr:to>
    <xdr:sp macro="" textlink="">
      <xdr:nvSpPr>
        <xdr:cNvPr id="288" name="フローチャート: 判断 287">
          <a:extLst>
            <a:ext uri="{FF2B5EF4-FFF2-40B4-BE49-F238E27FC236}">
              <a16:creationId xmlns:a16="http://schemas.microsoft.com/office/drawing/2014/main" id="{00000000-0008-0000-0700-000020010000}"/>
            </a:ext>
          </a:extLst>
        </xdr:cNvPr>
        <xdr:cNvSpPr/>
      </xdr:nvSpPr>
      <xdr:spPr>
        <a:xfrm>
          <a:off x="9588500" y="6509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6</xdr:row>
      <xdr:rowOff>112295</xdr:rowOff>
    </xdr:from>
    <xdr:ext cx="469744" cy="259045"/>
    <xdr:sp macro="" textlink="">
      <xdr:nvSpPr>
        <xdr:cNvPr id="289" name="テキスト ボックス 288">
          <a:extLst>
            <a:ext uri="{FF2B5EF4-FFF2-40B4-BE49-F238E27FC236}">
              <a16:creationId xmlns:a16="http://schemas.microsoft.com/office/drawing/2014/main" id="{00000000-0008-0000-0700-000021010000}"/>
            </a:ext>
          </a:extLst>
        </xdr:cNvPr>
        <xdr:cNvSpPr txBox="1"/>
      </xdr:nvSpPr>
      <xdr:spPr>
        <a:xfrm>
          <a:off x="9404428" y="6284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3970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7861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0988</xdr:rowOff>
    </xdr:from>
    <xdr:to>
      <xdr:col>46</xdr:col>
      <xdr:colOff>38100</xdr:colOff>
      <xdr:row>38</xdr:row>
      <xdr:rowOff>81138</xdr:rowOff>
    </xdr:to>
    <xdr:sp macro="" textlink="">
      <xdr:nvSpPr>
        <xdr:cNvPr id="291" name="フローチャート: 判断 290">
          <a:extLst>
            <a:ext uri="{FF2B5EF4-FFF2-40B4-BE49-F238E27FC236}">
              <a16:creationId xmlns:a16="http://schemas.microsoft.com/office/drawing/2014/main" id="{00000000-0008-0000-0700-000023010000}"/>
            </a:ext>
          </a:extLst>
        </xdr:cNvPr>
        <xdr:cNvSpPr/>
      </xdr:nvSpPr>
      <xdr:spPr>
        <a:xfrm>
          <a:off x="8699500" y="6494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6</xdr:row>
      <xdr:rowOff>97665</xdr:rowOff>
    </xdr:from>
    <xdr:ext cx="469744" cy="259045"/>
    <xdr:sp macro="" textlink="">
      <xdr:nvSpPr>
        <xdr:cNvPr id="292" name="テキスト ボックス 291">
          <a:extLst>
            <a:ext uri="{FF2B5EF4-FFF2-40B4-BE49-F238E27FC236}">
              <a16:creationId xmlns:a16="http://schemas.microsoft.com/office/drawing/2014/main" id="{00000000-0008-0000-0700-000024010000}"/>
            </a:ext>
          </a:extLst>
        </xdr:cNvPr>
        <xdr:cNvSpPr txBox="1"/>
      </xdr:nvSpPr>
      <xdr:spPr>
        <a:xfrm>
          <a:off x="8515428" y="6269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9700</xdr:rowOff>
    </xdr:from>
    <xdr:to>
      <xdr:col>41</xdr:col>
      <xdr:colOff>50800</xdr:colOff>
      <xdr:row>38</xdr:row>
      <xdr:rowOff>139700</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697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48336</xdr:rowOff>
    </xdr:from>
    <xdr:to>
      <xdr:col>41</xdr:col>
      <xdr:colOff>101600</xdr:colOff>
      <xdr:row>38</xdr:row>
      <xdr:rowOff>78486</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7810500" y="649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6</xdr:row>
      <xdr:rowOff>95013</xdr:rowOff>
    </xdr:from>
    <xdr:ext cx="469744"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7626428" y="6267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0713</xdr:rowOff>
    </xdr:from>
    <xdr:to>
      <xdr:col>36</xdr:col>
      <xdr:colOff>165100</xdr:colOff>
      <xdr:row>38</xdr:row>
      <xdr:rowOff>80863</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6921500" y="6494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97390</xdr:rowOff>
    </xdr:from>
    <xdr:ext cx="469744"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6737428" y="6269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8900</xdr:rowOff>
    </xdr:from>
    <xdr:to>
      <xdr:col>55</xdr:col>
      <xdr:colOff>50800</xdr:colOff>
      <xdr:row>39</xdr:row>
      <xdr:rowOff>19050</xdr:rowOff>
    </xdr:to>
    <xdr:sp macro="" textlink="">
      <xdr:nvSpPr>
        <xdr:cNvPr id="303" name="楕円 302">
          <a:extLst>
            <a:ext uri="{FF2B5EF4-FFF2-40B4-BE49-F238E27FC236}">
              <a16:creationId xmlns:a16="http://schemas.microsoft.com/office/drawing/2014/main" id="{00000000-0008-0000-0700-00002F010000}"/>
            </a:ext>
          </a:extLst>
        </xdr:cNvPr>
        <xdr:cNvSpPr/>
      </xdr:nvSpPr>
      <xdr:spPr>
        <a:xfrm>
          <a:off x="10426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3827</xdr:rowOff>
    </xdr:from>
    <xdr:ext cx="249299" cy="259045"/>
    <xdr:sp macro="" textlink="">
      <xdr:nvSpPr>
        <xdr:cNvPr id="304" name="労働費該当値テキスト">
          <a:extLst>
            <a:ext uri="{FF2B5EF4-FFF2-40B4-BE49-F238E27FC236}">
              <a16:creationId xmlns:a16="http://schemas.microsoft.com/office/drawing/2014/main" id="{00000000-0008-0000-0700-000030010000}"/>
            </a:ext>
          </a:extLst>
        </xdr:cNvPr>
        <xdr:cNvSpPr txBox="1"/>
      </xdr:nvSpPr>
      <xdr:spPr>
        <a:xfrm>
          <a:off x="10528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0</xdr:rowOff>
    </xdr:from>
    <xdr:to>
      <xdr:col>50</xdr:col>
      <xdr:colOff>165100</xdr:colOff>
      <xdr:row>39</xdr:row>
      <xdr:rowOff>19050</xdr:rowOff>
    </xdr:to>
    <xdr:sp macro="" textlink="">
      <xdr:nvSpPr>
        <xdr:cNvPr id="305" name="楕円 304">
          <a:extLst>
            <a:ext uri="{FF2B5EF4-FFF2-40B4-BE49-F238E27FC236}">
              <a16:creationId xmlns:a16="http://schemas.microsoft.com/office/drawing/2014/main" id="{00000000-0008-0000-0700-000031010000}"/>
            </a:ext>
          </a:extLst>
        </xdr:cNvPr>
        <xdr:cNvSpPr/>
      </xdr:nvSpPr>
      <xdr:spPr>
        <a:xfrm>
          <a:off x="9588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0177</xdr:rowOff>
    </xdr:from>
    <xdr:ext cx="249299"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514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900</xdr:rowOff>
    </xdr:from>
    <xdr:to>
      <xdr:col>46</xdr:col>
      <xdr:colOff>38100</xdr:colOff>
      <xdr:row>39</xdr:row>
      <xdr:rowOff>19050</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8699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0177</xdr:rowOff>
    </xdr:from>
    <xdr:ext cx="249299"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8625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0177</xdr:rowOff>
    </xdr:from>
    <xdr:ext cx="249299"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773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8900</xdr:rowOff>
    </xdr:from>
    <xdr:to>
      <xdr:col>36</xdr:col>
      <xdr:colOff>165100</xdr:colOff>
      <xdr:row>39</xdr:row>
      <xdr:rowOff>19050</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692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0177</xdr:rowOff>
    </xdr:from>
    <xdr:ext cx="249299"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684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3" name="正方形/長方形 312">
          <a:extLst>
            <a:ext uri="{FF2B5EF4-FFF2-40B4-BE49-F238E27FC236}">
              <a16:creationId xmlns:a16="http://schemas.microsoft.com/office/drawing/2014/main" id="{00000000-0008-0000-0700-000039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4" name="正方形/長方形 313">
          <a:extLst>
            <a:ext uri="{FF2B5EF4-FFF2-40B4-BE49-F238E27FC236}">
              <a16:creationId xmlns:a16="http://schemas.microsoft.com/office/drawing/2014/main" id="{00000000-0008-0000-0700-00003A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5" name="正方形/長方形 314">
          <a:extLst>
            <a:ext uri="{FF2B5EF4-FFF2-40B4-BE49-F238E27FC236}">
              <a16:creationId xmlns:a16="http://schemas.microsoft.com/office/drawing/2014/main" id="{00000000-0008-0000-0700-00003B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2" name="直線コネクタ 321">
          <a:extLst>
            <a:ext uri="{FF2B5EF4-FFF2-40B4-BE49-F238E27FC236}">
              <a16:creationId xmlns:a16="http://schemas.microsoft.com/office/drawing/2014/main" id="{00000000-0008-0000-0700-000042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3" name="直線コネクタ 322">
          <a:extLst>
            <a:ext uri="{FF2B5EF4-FFF2-40B4-BE49-F238E27FC236}">
              <a16:creationId xmlns:a16="http://schemas.microsoft.com/office/drawing/2014/main" id="{00000000-0008-0000-0700-000043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3" name="農林水産業費グラフ枠">
          <a:extLst>
            <a:ext uri="{FF2B5EF4-FFF2-40B4-BE49-F238E27FC236}">
              <a16:creationId xmlns:a16="http://schemas.microsoft.com/office/drawing/2014/main" id="{00000000-0008-0000-0700-00004D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577</xdr:rowOff>
    </xdr:from>
    <xdr:to>
      <xdr:col>54</xdr:col>
      <xdr:colOff>189865</xdr:colOff>
      <xdr:row>58</xdr:row>
      <xdr:rowOff>130625</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flipV="1">
          <a:off x="10475595" y="8579077"/>
          <a:ext cx="1270" cy="1495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4452</xdr:rowOff>
    </xdr:from>
    <xdr:ext cx="469744" cy="259045"/>
    <xdr:sp macro="" textlink="">
      <xdr:nvSpPr>
        <xdr:cNvPr id="335" name="農林水産業費最小値テキスト">
          <a:extLst>
            <a:ext uri="{FF2B5EF4-FFF2-40B4-BE49-F238E27FC236}">
              <a16:creationId xmlns:a16="http://schemas.microsoft.com/office/drawing/2014/main" id="{00000000-0008-0000-0700-00004F010000}"/>
            </a:ext>
          </a:extLst>
        </xdr:cNvPr>
        <xdr:cNvSpPr txBox="1"/>
      </xdr:nvSpPr>
      <xdr:spPr>
        <a:xfrm>
          <a:off x="10528300" y="10078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0625</xdr:rowOff>
    </xdr:from>
    <xdr:to>
      <xdr:col>55</xdr:col>
      <xdr:colOff>88900</xdr:colOff>
      <xdr:row>58</xdr:row>
      <xdr:rowOff>130625</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10388600" y="10074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24704</xdr:rowOff>
    </xdr:from>
    <xdr:ext cx="599010" cy="259045"/>
    <xdr:sp macro="" textlink="">
      <xdr:nvSpPr>
        <xdr:cNvPr id="337" name="農林水産業費最大値テキスト">
          <a:extLst>
            <a:ext uri="{FF2B5EF4-FFF2-40B4-BE49-F238E27FC236}">
              <a16:creationId xmlns:a16="http://schemas.microsoft.com/office/drawing/2014/main" id="{00000000-0008-0000-0700-000051010000}"/>
            </a:ext>
          </a:extLst>
        </xdr:cNvPr>
        <xdr:cNvSpPr txBox="1"/>
      </xdr:nvSpPr>
      <xdr:spPr>
        <a:xfrm>
          <a:off x="10528300" y="8354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9,11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577</xdr:rowOff>
    </xdr:from>
    <xdr:to>
      <xdr:col>55</xdr:col>
      <xdr:colOff>88900</xdr:colOff>
      <xdr:row>50</xdr:row>
      <xdr:rowOff>6577</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10388600" y="8579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55201</xdr:rowOff>
    </xdr:from>
    <xdr:to>
      <xdr:col>55</xdr:col>
      <xdr:colOff>0</xdr:colOff>
      <xdr:row>58</xdr:row>
      <xdr:rowOff>96184</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9639300" y="9999301"/>
          <a:ext cx="838200" cy="40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1193</xdr:rowOff>
    </xdr:from>
    <xdr:ext cx="534377" cy="259045"/>
    <xdr:sp macro="" textlink="">
      <xdr:nvSpPr>
        <xdr:cNvPr id="340" name="農林水産業費平均値テキスト">
          <a:extLst>
            <a:ext uri="{FF2B5EF4-FFF2-40B4-BE49-F238E27FC236}">
              <a16:creationId xmlns:a16="http://schemas.microsoft.com/office/drawing/2014/main" id="{00000000-0008-0000-0700-000054010000}"/>
            </a:ext>
          </a:extLst>
        </xdr:cNvPr>
        <xdr:cNvSpPr txBox="1"/>
      </xdr:nvSpPr>
      <xdr:spPr>
        <a:xfrm>
          <a:off x="10528300" y="96523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8316</xdr:rowOff>
    </xdr:from>
    <xdr:to>
      <xdr:col>55</xdr:col>
      <xdr:colOff>50800</xdr:colOff>
      <xdr:row>57</xdr:row>
      <xdr:rowOff>129916</xdr:rowOff>
    </xdr:to>
    <xdr:sp macro="" textlink="">
      <xdr:nvSpPr>
        <xdr:cNvPr id="341" name="フローチャート: 判断 340">
          <a:extLst>
            <a:ext uri="{FF2B5EF4-FFF2-40B4-BE49-F238E27FC236}">
              <a16:creationId xmlns:a16="http://schemas.microsoft.com/office/drawing/2014/main" id="{00000000-0008-0000-0700-000055010000}"/>
            </a:ext>
          </a:extLst>
        </xdr:cNvPr>
        <xdr:cNvSpPr/>
      </xdr:nvSpPr>
      <xdr:spPr>
        <a:xfrm>
          <a:off x="10426700" y="9800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55201</xdr:rowOff>
    </xdr:from>
    <xdr:to>
      <xdr:col>50</xdr:col>
      <xdr:colOff>114300</xdr:colOff>
      <xdr:row>58</xdr:row>
      <xdr:rowOff>10848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8750300" y="9999301"/>
          <a:ext cx="889000" cy="53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6233</xdr:rowOff>
    </xdr:from>
    <xdr:to>
      <xdr:col>50</xdr:col>
      <xdr:colOff>165100</xdr:colOff>
      <xdr:row>57</xdr:row>
      <xdr:rowOff>157833</xdr:rowOff>
    </xdr:to>
    <xdr:sp macro="" textlink="">
      <xdr:nvSpPr>
        <xdr:cNvPr id="343" name="フローチャート: 判断 342">
          <a:extLst>
            <a:ext uri="{FF2B5EF4-FFF2-40B4-BE49-F238E27FC236}">
              <a16:creationId xmlns:a16="http://schemas.microsoft.com/office/drawing/2014/main" id="{00000000-0008-0000-0700-000057010000}"/>
            </a:ext>
          </a:extLst>
        </xdr:cNvPr>
        <xdr:cNvSpPr/>
      </xdr:nvSpPr>
      <xdr:spPr>
        <a:xfrm>
          <a:off x="9588500" y="9828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2910</xdr:rowOff>
    </xdr:from>
    <xdr:ext cx="534377"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9372111" y="9604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92275</xdr:rowOff>
    </xdr:from>
    <xdr:to>
      <xdr:col>45</xdr:col>
      <xdr:colOff>177800</xdr:colOff>
      <xdr:row>58</xdr:row>
      <xdr:rowOff>108483</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7861300" y="10036375"/>
          <a:ext cx="889000" cy="16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45027</xdr:rowOff>
    </xdr:from>
    <xdr:to>
      <xdr:col>46</xdr:col>
      <xdr:colOff>38100</xdr:colOff>
      <xdr:row>57</xdr:row>
      <xdr:rowOff>146627</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8699500" y="9817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63154</xdr:rowOff>
    </xdr:from>
    <xdr:ext cx="534377"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8483111" y="9592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92275</xdr:rowOff>
    </xdr:from>
    <xdr:to>
      <xdr:col>41</xdr:col>
      <xdr:colOff>50800</xdr:colOff>
      <xdr:row>58</xdr:row>
      <xdr:rowOff>112753</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6972300" y="10036375"/>
          <a:ext cx="889000" cy="2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53997</xdr:rowOff>
    </xdr:from>
    <xdr:to>
      <xdr:col>41</xdr:col>
      <xdr:colOff>101600</xdr:colOff>
      <xdr:row>57</xdr:row>
      <xdr:rowOff>155597</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7810500" y="9826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674</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7594111" y="9601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5695</xdr:rowOff>
    </xdr:from>
    <xdr:to>
      <xdr:col>36</xdr:col>
      <xdr:colOff>165100</xdr:colOff>
      <xdr:row>57</xdr:row>
      <xdr:rowOff>147295</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6921500" y="9818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63822</xdr:rowOff>
    </xdr:from>
    <xdr:ext cx="534377"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6705111" y="9593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5384</xdr:rowOff>
    </xdr:from>
    <xdr:to>
      <xdr:col>55</xdr:col>
      <xdr:colOff>50800</xdr:colOff>
      <xdr:row>58</xdr:row>
      <xdr:rowOff>146984</xdr:rowOff>
    </xdr:to>
    <xdr:sp macro="" textlink="">
      <xdr:nvSpPr>
        <xdr:cNvPr id="358" name="楕円 357">
          <a:extLst>
            <a:ext uri="{FF2B5EF4-FFF2-40B4-BE49-F238E27FC236}">
              <a16:creationId xmlns:a16="http://schemas.microsoft.com/office/drawing/2014/main" id="{00000000-0008-0000-0700-000066010000}"/>
            </a:ext>
          </a:extLst>
        </xdr:cNvPr>
        <xdr:cNvSpPr/>
      </xdr:nvSpPr>
      <xdr:spPr>
        <a:xfrm>
          <a:off x="10426700" y="9989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1761</xdr:rowOff>
    </xdr:from>
    <xdr:ext cx="469744" cy="259045"/>
    <xdr:sp macro="" textlink="">
      <xdr:nvSpPr>
        <xdr:cNvPr id="359" name="農林水産業費該当値テキスト">
          <a:extLst>
            <a:ext uri="{FF2B5EF4-FFF2-40B4-BE49-F238E27FC236}">
              <a16:creationId xmlns:a16="http://schemas.microsoft.com/office/drawing/2014/main" id="{00000000-0008-0000-0700-000067010000}"/>
            </a:ext>
          </a:extLst>
        </xdr:cNvPr>
        <xdr:cNvSpPr txBox="1"/>
      </xdr:nvSpPr>
      <xdr:spPr>
        <a:xfrm>
          <a:off x="10528300" y="9904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4401</xdr:rowOff>
    </xdr:from>
    <xdr:to>
      <xdr:col>50</xdr:col>
      <xdr:colOff>165100</xdr:colOff>
      <xdr:row>58</xdr:row>
      <xdr:rowOff>106001</xdr:rowOff>
    </xdr:to>
    <xdr:sp macro="" textlink="">
      <xdr:nvSpPr>
        <xdr:cNvPr id="360" name="楕円 359">
          <a:extLst>
            <a:ext uri="{FF2B5EF4-FFF2-40B4-BE49-F238E27FC236}">
              <a16:creationId xmlns:a16="http://schemas.microsoft.com/office/drawing/2014/main" id="{00000000-0008-0000-0700-000068010000}"/>
            </a:ext>
          </a:extLst>
        </xdr:cNvPr>
        <xdr:cNvSpPr/>
      </xdr:nvSpPr>
      <xdr:spPr>
        <a:xfrm>
          <a:off x="9588500" y="9948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97128</xdr:rowOff>
    </xdr:from>
    <xdr:ext cx="534377"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372111" y="10041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57683</xdr:rowOff>
    </xdr:from>
    <xdr:to>
      <xdr:col>46</xdr:col>
      <xdr:colOff>38100</xdr:colOff>
      <xdr:row>58</xdr:row>
      <xdr:rowOff>159283</xdr:rowOff>
    </xdr:to>
    <xdr:sp macro="" textlink="">
      <xdr:nvSpPr>
        <xdr:cNvPr id="362" name="楕円 361">
          <a:extLst>
            <a:ext uri="{FF2B5EF4-FFF2-40B4-BE49-F238E27FC236}">
              <a16:creationId xmlns:a16="http://schemas.microsoft.com/office/drawing/2014/main" id="{00000000-0008-0000-0700-00006A010000}"/>
            </a:ext>
          </a:extLst>
        </xdr:cNvPr>
        <xdr:cNvSpPr/>
      </xdr:nvSpPr>
      <xdr:spPr>
        <a:xfrm>
          <a:off x="8699500" y="10001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50410</xdr:rowOff>
    </xdr:from>
    <xdr:ext cx="469744"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15428" y="10094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41475</xdr:rowOff>
    </xdr:from>
    <xdr:to>
      <xdr:col>41</xdr:col>
      <xdr:colOff>101600</xdr:colOff>
      <xdr:row>58</xdr:row>
      <xdr:rowOff>143075</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7810500" y="9985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34202</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10078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1953</xdr:rowOff>
    </xdr:from>
    <xdr:to>
      <xdr:col>36</xdr:col>
      <xdr:colOff>165100</xdr:colOff>
      <xdr:row>58</xdr:row>
      <xdr:rowOff>163553</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6921500" y="10006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54680</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37428" y="10098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8" name="正方形/長方形 367">
          <a:extLst>
            <a:ext uri="{FF2B5EF4-FFF2-40B4-BE49-F238E27FC236}">
              <a16:creationId xmlns:a16="http://schemas.microsoft.com/office/drawing/2014/main" id="{00000000-0008-0000-0700-000070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69" name="正方形/長方形 368">
          <a:extLst>
            <a:ext uri="{FF2B5EF4-FFF2-40B4-BE49-F238E27FC236}">
              <a16:creationId xmlns:a16="http://schemas.microsoft.com/office/drawing/2014/main" id="{00000000-0008-0000-0700-000071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0" name="正方形/長方形 369">
          <a:extLst>
            <a:ext uri="{FF2B5EF4-FFF2-40B4-BE49-F238E27FC236}">
              <a16:creationId xmlns:a16="http://schemas.microsoft.com/office/drawing/2014/main" id="{00000000-0008-0000-0700-000072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7" name="直線コネクタ 376">
          <a:extLst>
            <a:ext uri="{FF2B5EF4-FFF2-40B4-BE49-F238E27FC236}">
              <a16:creationId xmlns:a16="http://schemas.microsoft.com/office/drawing/2014/main" id="{00000000-0008-0000-0700-000079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78" name="直線コネクタ 377">
          <a:extLst>
            <a:ext uri="{FF2B5EF4-FFF2-40B4-BE49-F238E27FC236}">
              <a16:creationId xmlns:a16="http://schemas.microsoft.com/office/drawing/2014/main" id="{00000000-0008-0000-0700-00007A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88" name="商工費グラフ枠">
          <a:extLst>
            <a:ext uri="{FF2B5EF4-FFF2-40B4-BE49-F238E27FC236}">
              <a16:creationId xmlns:a16="http://schemas.microsoft.com/office/drawing/2014/main" id="{00000000-0008-0000-0700-000084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90592</xdr:rowOff>
    </xdr:from>
    <xdr:to>
      <xdr:col>54</xdr:col>
      <xdr:colOff>189865</xdr:colOff>
      <xdr:row>78</xdr:row>
      <xdr:rowOff>135558</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flipV="1">
          <a:off x="10475595" y="12434992"/>
          <a:ext cx="1270" cy="10736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9385</xdr:rowOff>
    </xdr:from>
    <xdr:ext cx="378565" cy="259045"/>
    <xdr:sp macro="" textlink="">
      <xdr:nvSpPr>
        <xdr:cNvPr id="390" name="商工費最小値テキスト">
          <a:extLst>
            <a:ext uri="{FF2B5EF4-FFF2-40B4-BE49-F238E27FC236}">
              <a16:creationId xmlns:a16="http://schemas.microsoft.com/office/drawing/2014/main" id="{00000000-0008-0000-0700-000086010000}"/>
            </a:ext>
          </a:extLst>
        </xdr:cNvPr>
        <xdr:cNvSpPr txBox="1"/>
      </xdr:nvSpPr>
      <xdr:spPr>
        <a:xfrm>
          <a:off x="10528300" y="135124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5558</xdr:rowOff>
    </xdr:from>
    <xdr:to>
      <xdr:col>55</xdr:col>
      <xdr:colOff>88900</xdr:colOff>
      <xdr:row>78</xdr:row>
      <xdr:rowOff>135558</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10388600" y="13508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37269</xdr:rowOff>
    </xdr:from>
    <xdr:ext cx="599010" cy="259045"/>
    <xdr:sp macro="" textlink="">
      <xdr:nvSpPr>
        <xdr:cNvPr id="392" name="商工費最大値テキスト">
          <a:extLst>
            <a:ext uri="{FF2B5EF4-FFF2-40B4-BE49-F238E27FC236}">
              <a16:creationId xmlns:a16="http://schemas.microsoft.com/office/drawing/2014/main" id="{00000000-0008-0000-0700-000088010000}"/>
            </a:ext>
          </a:extLst>
        </xdr:cNvPr>
        <xdr:cNvSpPr txBox="1"/>
      </xdr:nvSpPr>
      <xdr:spPr>
        <a:xfrm>
          <a:off x="10528300" y="122102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5,7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90592</xdr:rowOff>
    </xdr:from>
    <xdr:to>
      <xdr:col>55</xdr:col>
      <xdr:colOff>88900</xdr:colOff>
      <xdr:row>72</xdr:row>
      <xdr:rowOff>90592</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10388600" y="12434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556</xdr:rowOff>
    </xdr:from>
    <xdr:to>
      <xdr:col>55</xdr:col>
      <xdr:colOff>0</xdr:colOff>
      <xdr:row>78</xdr:row>
      <xdr:rowOff>8608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9639300" y="13377656"/>
          <a:ext cx="838200" cy="8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8257</xdr:rowOff>
    </xdr:from>
    <xdr:ext cx="534377" cy="259045"/>
    <xdr:sp macro="" textlink="">
      <xdr:nvSpPr>
        <xdr:cNvPr id="395" name="商工費平均値テキスト">
          <a:extLst>
            <a:ext uri="{FF2B5EF4-FFF2-40B4-BE49-F238E27FC236}">
              <a16:creationId xmlns:a16="http://schemas.microsoft.com/office/drawing/2014/main" id="{00000000-0008-0000-0700-00008B010000}"/>
            </a:ext>
          </a:extLst>
        </xdr:cNvPr>
        <xdr:cNvSpPr txBox="1"/>
      </xdr:nvSpPr>
      <xdr:spPr>
        <a:xfrm>
          <a:off x="10528300" y="131284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5380</xdr:rowOff>
    </xdr:from>
    <xdr:to>
      <xdr:col>55</xdr:col>
      <xdr:colOff>50800</xdr:colOff>
      <xdr:row>78</xdr:row>
      <xdr:rowOff>5530</xdr:rowOff>
    </xdr:to>
    <xdr:sp macro="" textlink="">
      <xdr:nvSpPr>
        <xdr:cNvPr id="396" name="フローチャート: 判断 395">
          <a:extLst>
            <a:ext uri="{FF2B5EF4-FFF2-40B4-BE49-F238E27FC236}">
              <a16:creationId xmlns:a16="http://schemas.microsoft.com/office/drawing/2014/main" id="{00000000-0008-0000-0700-00008C010000}"/>
            </a:ext>
          </a:extLst>
        </xdr:cNvPr>
        <xdr:cNvSpPr/>
      </xdr:nvSpPr>
      <xdr:spPr>
        <a:xfrm>
          <a:off x="10426700" y="13277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556</xdr:rowOff>
    </xdr:from>
    <xdr:to>
      <xdr:col>50</xdr:col>
      <xdr:colOff>114300</xdr:colOff>
      <xdr:row>78</xdr:row>
      <xdr:rowOff>84251</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flipV="1">
          <a:off x="8750300" y="13377656"/>
          <a:ext cx="889000" cy="79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9152</xdr:rowOff>
    </xdr:from>
    <xdr:to>
      <xdr:col>50</xdr:col>
      <xdr:colOff>165100</xdr:colOff>
      <xdr:row>78</xdr:row>
      <xdr:rowOff>9302</xdr:rowOff>
    </xdr:to>
    <xdr:sp macro="" textlink="">
      <xdr:nvSpPr>
        <xdr:cNvPr id="398" name="フローチャート: 判断 397">
          <a:extLst>
            <a:ext uri="{FF2B5EF4-FFF2-40B4-BE49-F238E27FC236}">
              <a16:creationId xmlns:a16="http://schemas.microsoft.com/office/drawing/2014/main" id="{00000000-0008-0000-0700-00008E010000}"/>
            </a:ext>
          </a:extLst>
        </xdr:cNvPr>
        <xdr:cNvSpPr/>
      </xdr:nvSpPr>
      <xdr:spPr>
        <a:xfrm>
          <a:off x="9588500" y="1328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5829</xdr:rowOff>
    </xdr:from>
    <xdr:ext cx="534377"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9372111" y="13056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4251</xdr:rowOff>
    </xdr:from>
    <xdr:to>
      <xdr:col>45</xdr:col>
      <xdr:colOff>177800</xdr:colOff>
      <xdr:row>78</xdr:row>
      <xdr:rowOff>85590</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7861300" y="13457351"/>
          <a:ext cx="889000" cy="1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94945</xdr:rowOff>
    </xdr:from>
    <xdr:to>
      <xdr:col>46</xdr:col>
      <xdr:colOff>38100</xdr:colOff>
      <xdr:row>78</xdr:row>
      <xdr:rowOff>25095</xdr:rowOff>
    </xdr:to>
    <xdr:sp macro="" textlink="">
      <xdr:nvSpPr>
        <xdr:cNvPr id="401" name="フローチャート: 判断 400">
          <a:extLst>
            <a:ext uri="{FF2B5EF4-FFF2-40B4-BE49-F238E27FC236}">
              <a16:creationId xmlns:a16="http://schemas.microsoft.com/office/drawing/2014/main" id="{00000000-0008-0000-0700-000091010000}"/>
            </a:ext>
          </a:extLst>
        </xdr:cNvPr>
        <xdr:cNvSpPr/>
      </xdr:nvSpPr>
      <xdr:spPr>
        <a:xfrm>
          <a:off x="8699500" y="13296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41622</xdr:rowOff>
    </xdr:from>
    <xdr:ext cx="534377"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8483111" y="13071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5590</xdr:rowOff>
    </xdr:from>
    <xdr:to>
      <xdr:col>41</xdr:col>
      <xdr:colOff>50800</xdr:colOff>
      <xdr:row>78</xdr:row>
      <xdr:rowOff>92892</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flipV="1">
          <a:off x="6972300" y="13458690"/>
          <a:ext cx="889000" cy="7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26532</xdr:rowOff>
    </xdr:from>
    <xdr:to>
      <xdr:col>41</xdr:col>
      <xdr:colOff>101600</xdr:colOff>
      <xdr:row>78</xdr:row>
      <xdr:rowOff>56682</xdr:rowOff>
    </xdr:to>
    <xdr:sp macro="" textlink="">
      <xdr:nvSpPr>
        <xdr:cNvPr id="404" name="フローチャート: 判断 403">
          <a:extLst>
            <a:ext uri="{FF2B5EF4-FFF2-40B4-BE49-F238E27FC236}">
              <a16:creationId xmlns:a16="http://schemas.microsoft.com/office/drawing/2014/main" id="{00000000-0008-0000-0700-000094010000}"/>
            </a:ext>
          </a:extLst>
        </xdr:cNvPr>
        <xdr:cNvSpPr/>
      </xdr:nvSpPr>
      <xdr:spPr>
        <a:xfrm>
          <a:off x="7810500" y="13328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3209</xdr:rowOff>
    </xdr:from>
    <xdr:ext cx="534377" cy="259045"/>
    <xdr:sp macro="" textlink="">
      <xdr:nvSpPr>
        <xdr:cNvPr id="405" name="テキスト ボックス 404">
          <a:extLst>
            <a:ext uri="{FF2B5EF4-FFF2-40B4-BE49-F238E27FC236}">
              <a16:creationId xmlns:a16="http://schemas.microsoft.com/office/drawing/2014/main" id="{00000000-0008-0000-0700-000095010000}"/>
            </a:ext>
          </a:extLst>
        </xdr:cNvPr>
        <xdr:cNvSpPr txBox="1"/>
      </xdr:nvSpPr>
      <xdr:spPr>
        <a:xfrm>
          <a:off x="7594111" y="13103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1516</xdr:rowOff>
    </xdr:from>
    <xdr:to>
      <xdr:col>36</xdr:col>
      <xdr:colOff>165100</xdr:colOff>
      <xdr:row>78</xdr:row>
      <xdr:rowOff>61666</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6921500" y="13333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78193</xdr:rowOff>
    </xdr:from>
    <xdr:ext cx="534377" cy="259045"/>
    <xdr:sp macro="" textlink="">
      <xdr:nvSpPr>
        <xdr:cNvPr id="407" name="テキスト ボックス 406">
          <a:extLst>
            <a:ext uri="{FF2B5EF4-FFF2-40B4-BE49-F238E27FC236}">
              <a16:creationId xmlns:a16="http://schemas.microsoft.com/office/drawing/2014/main" id="{00000000-0008-0000-0700-000097010000}"/>
            </a:ext>
          </a:extLst>
        </xdr:cNvPr>
        <xdr:cNvSpPr txBox="1"/>
      </xdr:nvSpPr>
      <xdr:spPr>
        <a:xfrm>
          <a:off x="6705111" y="13108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5280</xdr:rowOff>
    </xdr:from>
    <xdr:to>
      <xdr:col>55</xdr:col>
      <xdr:colOff>50800</xdr:colOff>
      <xdr:row>78</xdr:row>
      <xdr:rowOff>136880</xdr:rowOff>
    </xdr:to>
    <xdr:sp macro="" textlink="">
      <xdr:nvSpPr>
        <xdr:cNvPr id="413" name="楕円 412">
          <a:extLst>
            <a:ext uri="{FF2B5EF4-FFF2-40B4-BE49-F238E27FC236}">
              <a16:creationId xmlns:a16="http://schemas.microsoft.com/office/drawing/2014/main" id="{00000000-0008-0000-0700-00009D010000}"/>
            </a:ext>
          </a:extLst>
        </xdr:cNvPr>
        <xdr:cNvSpPr/>
      </xdr:nvSpPr>
      <xdr:spPr>
        <a:xfrm>
          <a:off x="10426700" y="1340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21657</xdr:rowOff>
    </xdr:from>
    <xdr:ext cx="534377" cy="259045"/>
    <xdr:sp macro="" textlink="">
      <xdr:nvSpPr>
        <xdr:cNvPr id="414" name="商工費該当値テキスト">
          <a:extLst>
            <a:ext uri="{FF2B5EF4-FFF2-40B4-BE49-F238E27FC236}">
              <a16:creationId xmlns:a16="http://schemas.microsoft.com/office/drawing/2014/main" id="{00000000-0008-0000-0700-00009E010000}"/>
            </a:ext>
          </a:extLst>
        </xdr:cNvPr>
        <xdr:cNvSpPr txBox="1"/>
      </xdr:nvSpPr>
      <xdr:spPr>
        <a:xfrm>
          <a:off x="10528300" y="13323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25206</xdr:rowOff>
    </xdr:from>
    <xdr:to>
      <xdr:col>50</xdr:col>
      <xdr:colOff>165100</xdr:colOff>
      <xdr:row>78</xdr:row>
      <xdr:rowOff>55356</xdr:rowOff>
    </xdr:to>
    <xdr:sp macro="" textlink="">
      <xdr:nvSpPr>
        <xdr:cNvPr id="415" name="楕円 414">
          <a:extLst>
            <a:ext uri="{FF2B5EF4-FFF2-40B4-BE49-F238E27FC236}">
              <a16:creationId xmlns:a16="http://schemas.microsoft.com/office/drawing/2014/main" id="{00000000-0008-0000-0700-00009F010000}"/>
            </a:ext>
          </a:extLst>
        </xdr:cNvPr>
        <xdr:cNvSpPr/>
      </xdr:nvSpPr>
      <xdr:spPr>
        <a:xfrm>
          <a:off x="9588500" y="13326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46483</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372111" y="1341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3451</xdr:rowOff>
    </xdr:from>
    <xdr:to>
      <xdr:col>46</xdr:col>
      <xdr:colOff>38100</xdr:colOff>
      <xdr:row>78</xdr:row>
      <xdr:rowOff>135051</xdr:rowOff>
    </xdr:to>
    <xdr:sp macro="" textlink="">
      <xdr:nvSpPr>
        <xdr:cNvPr id="417" name="楕円 416">
          <a:extLst>
            <a:ext uri="{FF2B5EF4-FFF2-40B4-BE49-F238E27FC236}">
              <a16:creationId xmlns:a16="http://schemas.microsoft.com/office/drawing/2014/main" id="{00000000-0008-0000-0700-0000A1010000}"/>
            </a:ext>
          </a:extLst>
        </xdr:cNvPr>
        <xdr:cNvSpPr/>
      </xdr:nvSpPr>
      <xdr:spPr>
        <a:xfrm>
          <a:off x="8699500" y="13406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26178</xdr:rowOff>
    </xdr:from>
    <xdr:ext cx="534377"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8483111" y="13499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4790</xdr:rowOff>
    </xdr:from>
    <xdr:to>
      <xdr:col>41</xdr:col>
      <xdr:colOff>101600</xdr:colOff>
      <xdr:row>78</xdr:row>
      <xdr:rowOff>136390</xdr:rowOff>
    </xdr:to>
    <xdr:sp macro="" textlink="">
      <xdr:nvSpPr>
        <xdr:cNvPr id="419" name="楕円 418">
          <a:extLst>
            <a:ext uri="{FF2B5EF4-FFF2-40B4-BE49-F238E27FC236}">
              <a16:creationId xmlns:a16="http://schemas.microsoft.com/office/drawing/2014/main" id="{00000000-0008-0000-0700-0000A3010000}"/>
            </a:ext>
          </a:extLst>
        </xdr:cNvPr>
        <xdr:cNvSpPr/>
      </xdr:nvSpPr>
      <xdr:spPr>
        <a:xfrm>
          <a:off x="7810500" y="1340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27517</xdr:rowOff>
    </xdr:from>
    <xdr:ext cx="534377"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594111" y="13500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2092</xdr:rowOff>
    </xdr:from>
    <xdr:to>
      <xdr:col>36</xdr:col>
      <xdr:colOff>165100</xdr:colOff>
      <xdr:row>78</xdr:row>
      <xdr:rowOff>143692</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6921500" y="13415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34819</xdr:rowOff>
    </xdr:from>
    <xdr:ext cx="534377"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6705111" y="13507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3" name="正方形/長方形 422">
          <a:extLst>
            <a:ext uri="{FF2B5EF4-FFF2-40B4-BE49-F238E27FC236}">
              <a16:creationId xmlns:a16="http://schemas.microsoft.com/office/drawing/2014/main" id="{00000000-0008-0000-0700-0000A7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4" name="正方形/長方形 423">
          <a:extLst>
            <a:ext uri="{FF2B5EF4-FFF2-40B4-BE49-F238E27FC236}">
              <a16:creationId xmlns:a16="http://schemas.microsoft.com/office/drawing/2014/main" id="{00000000-0008-0000-0700-0000A8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5" name="正方形/長方形 424">
          <a:extLst>
            <a:ext uri="{FF2B5EF4-FFF2-40B4-BE49-F238E27FC236}">
              <a16:creationId xmlns:a16="http://schemas.microsoft.com/office/drawing/2014/main" id="{00000000-0008-0000-0700-0000A9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6" name="正方形/長方形 425">
          <a:extLst>
            <a:ext uri="{FF2B5EF4-FFF2-40B4-BE49-F238E27FC236}">
              <a16:creationId xmlns:a16="http://schemas.microsoft.com/office/drawing/2014/main" id="{00000000-0008-0000-0700-0000AA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2" name="直線コネクタ 431">
          <a:extLst>
            <a:ext uri="{FF2B5EF4-FFF2-40B4-BE49-F238E27FC236}">
              <a16:creationId xmlns:a16="http://schemas.microsoft.com/office/drawing/2014/main" id="{00000000-0008-0000-0700-0000B0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3" name="直線コネクタ 432">
          <a:extLst>
            <a:ext uri="{FF2B5EF4-FFF2-40B4-BE49-F238E27FC236}">
              <a16:creationId xmlns:a16="http://schemas.microsoft.com/office/drawing/2014/main" id="{00000000-0008-0000-0700-0000B1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5" name="直線コネクタ 434">
          <a:extLst>
            <a:ext uri="{FF2B5EF4-FFF2-40B4-BE49-F238E27FC236}">
              <a16:creationId xmlns:a16="http://schemas.microsoft.com/office/drawing/2014/main" id="{00000000-0008-0000-0700-0000B3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6" name="テキスト ボックス 435">
          <a:extLst>
            <a:ext uri="{FF2B5EF4-FFF2-40B4-BE49-F238E27FC236}">
              <a16:creationId xmlns:a16="http://schemas.microsoft.com/office/drawing/2014/main" id="{00000000-0008-0000-0700-0000B4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37" name="直線コネクタ 436">
          <a:extLst>
            <a:ext uri="{FF2B5EF4-FFF2-40B4-BE49-F238E27FC236}">
              <a16:creationId xmlns:a16="http://schemas.microsoft.com/office/drawing/2014/main" id="{00000000-0008-0000-0700-0000B5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3" name="土木費グラフ枠">
          <a:extLst>
            <a:ext uri="{FF2B5EF4-FFF2-40B4-BE49-F238E27FC236}">
              <a16:creationId xmlns:a16="http://schemas.microsoft.com/office/drawing/2014/main" id="{00000000-0008-0000-0700-0000B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87077</xdr:rowOff>
    </xdr:from>
    <xdr:to>
      <xdr:col>54</xdr:col>
      <xdr:colOff>189865</xdr:colOff>
      <xdr:row>98</xdr:row>
      <xdr:rowOff>51584</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flipV="1">
          <a:off x="10475595" y="15860477"/>
          <a:ext cx="1270" cy="993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5411</xdr:rowOff>
    </xdr:from>
    <xdr:ext cx="534377" cy="259045"/>
    <xdr:sp macro="" textlink="">
      <xdr:nvSpPr>
        <xdr:cNvPr id="445" name="土木費最小値テキスト">
          <a:extLst>
            <a:ext uri="{FF2B5EF4-FFF2-40B4-BE49-F238E27FC236}">
              <a16:creationId xmlns:a16="http://schemas.microsoft.com/office/drawing/2014/main" id="{00000000-0008-0000-0700-0000BD010000}"/>
            </a:ext>
          </a:extLst>
        </xdr:cNvPr>
        <xdr:cNvSpPr txBox="1"/>
      </xdr:nvSpPr>
      <xdr:spPr>
        <a:xfrm>
          <a:off x="10528300" y="1685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51584</xdr:rowOff>
    </xdr:from>
    <xdr:to>
      <xdr:col>55</xdr:col>
      <xdr:colOff>88900</xdr:colOff>
      <xdr:row>98</xdr:row>
      <xdr:rowOff>51584</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10388600" y="1685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33754</xdr:rowOff>
    </xdr:from>
    <xdr:ext cx="599010" cy="259045"/>
    <xdr:sp macro="" textlink="">
      <xdr:nvSpPr>
        <xdr:cNvPr id="447" name="土木費最大値テキスト">
          <a:extLst>
            <a:ext uri="{FF2B5EF4-FFF2-40B4-BE49-F238E27FC236}">
              <a16:creationId xmlns:a16="http://schemas.microsoft.com/office/drawing/2014/main" id="{00000000-0008-0000-0700-0000BF010000}"/>
            </a:ext>
          </a:extLst>
        </xdr:cNvPr>
        <xdr:cNvSpPr txBox="1"/>
      </xdr:nvSpPr>
      <xdr:spPr>
        <a:xfrm>
          <a:off x="10528300" y="15635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6,5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87077</xdr:rowOff>
    </xdr:from>
    <xdr:to>
      <xdr:col>55</xdr:col>
      <xdr:colOff>88900</xdr:colOff>
      <xdr:row>92</xdr:row>
      <xdr:rowOff>87077</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10388600" y="15860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4526</xdr:rowOff>
    </xdr:from>
    <xdr:to>
      <xdr:col>55</xdr:col>
      <xdr:colOff>0</xdr:colOff>
      <xdr:row>97</xdr:row>
      <xdr:rowOff>147673</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flipV="1">
          <a:off x="9639300" y="16755176"/>
          <a:ext cx="838200" cy="23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76271</xdr:rowOff>
    </xdr:from>
    <xdr:ext cx="534377" cy="259045"/>
    <xdr:sp macro="" textlink="">
      <xdr:nvSpPr>
        <xdr:cNvPr id="450" name="土木費平均値テキスト">
          <a:extLst>
            <a:ext uri="{FF2B5EF4-FFF2-40B4-BE49-F238E27FC236}">
              <a16:creationId xmlns:a16="http://schemas.microsoft.com/office/drawing/2014/main" id="{00000000-0008-0000-0700-0000C2010000}"/>
            </a:ext>
          </a:extLst>
        </xdr:cNvPr>
        <xdr:cNvSpPr txBox="1"/>
      </xdr:nvSpPr>
      <xdr:spPr>
        <a:xfrm>
          <a:off x="10528300" y="163640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3394</xdr:rowOff>
    </xdr:from>
    <xdr:to>
      <xdr:col>55</xdr:col>
      <xdr:colOff>50800</xdr:colOff>
      <xdr:row>96</xdr:row>
      <xdr:rowOff>154994</xdr:rowOff>
    </xdr:to>
    <xdr:sp macro="" textlink="">
      <xdr:nvSpPr>
        <xdr:cNvPr id="451" name="フローチャート: 判断 450">
          <a:extLst>
            <a:ext uri="{FF2B5EF4-FFF2-40B4-BE49-F238E27FC236}">
              <a16:creationId xmlns:a16="http://schemas.microsoft.com/office/drawing/2014/main" id="{00000000-0008-0000-0700-0000C3010000}"/>
            </a:ext>
          </a:extLst>
        </xdr:cNvPr>
        <xdr:cNvSpPr/>
      </xdr:nvSpPr>
      <xdr:spPr>
        <a:xfrm>
          <a:off x="10426700" y="16512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47673</xdr:rowOff>
    </xdr:from>
    <xdr:to>
      <xdr:col>50</xdr:col>
      <xdr:colOff>114300</xdr:colOff>
      <xdr:row>97</xdr:row>
      <xdr:rowOff>157042</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flipV="1">
          <a:off x="8750300" y="16778323"/>
          <a:ext cx="889000" cy="9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73644</xdr:rowOff>
    </xdr:from>
    <xdr:to>
      <xdr:col>50</xdr:col>
      <xdr:colOff>165100</xdr:colOff>
      <xdr:row>97</xdr:row>
      <xdr:rowOff>3794</xdr:rowOff>
    </xdr:to>
    <xdr:sp macro="" textlink="">
      <xdr:nvSpPr>
        <xdr:cNvPr id="453" name="フローチャート: 判断 452">
          <a:extLst>
            <a:ext uri="{FF2B5EF4-FFF2-40B4-BE49-F238E27FC236}">
              <a16:creationId xmlns:a16="http://schemas.microsoft.com/office/drawing/2014/main" id="{00000000-0008-0000-0700-0000C5010000}"/>
            </a:ext>
          </a:extLst>
        </xdr:cNvPr>
        <xdr:cNvSpPr/>
      </xdr:nvSpPr>
      <xdr:spPr>
        <a:xfrm>
          <a:off x="9588500" y="16532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0321</xdr:rowOff>
    </xdr:from>
    <xdr:ext cx="534377"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9372111" y="16308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3437</xdr:rowOff>
    </xdr:from>
    <xdr:to>
      <xdr:col>45</xdr:col>
      <xdr:colOff>177800</xdr:colOff>
      <xdr:row>97</xdr:row>
      <xdr:rowOff>157042</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7861300" y="16754087"/>
          <a:ext cx="889000" cy="33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728</xdr:rowOff>
    </xdr:from>
    <xdr:to>
      <xdr:col>46</xdr:col>
      <xdr:colOff>38100</xdr:colOff>
      <xdr:row>96</xdr:row>
      <xdr:rowOff>115328</xdr:rowOff>
    </xdr:to>
    <xdr:sp macro="" textlink="">
      <xdr:nvSpPr>
        <xdr:cNvPr id="456" name="フローチャート: 判断 455">
          <a:extLst>
            <a:ext uri="{FF2B5EF4-FFF2-40B4-BE49-F238E27FC236}">
              <a16:creationId xmlns:a16="http://schemas.microsoft.com/office/drawing/2014/main" id="{00000000-0008-0000-0700-0000C8010000}"/>
            </a:ext>
          </a:extLst>
        </xdr:cNvPr>
        <xdr:cNvSpPr/>
      </xdr:nvSpPr>
      <xdr:spPr>
        <a:xfrm>
          <a:off x="8699500" y="16472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31855</xdr:rowOff>
    </xdr:from>
    <xdr:ext cx="534377"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8483111" y="16248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3437</xdr:rowOff>
    </xdr:from>
    <xdr:to>
      <xdr:col>41</xdr:col>
      <xdr:colOff>50800</xdr:colOff>
      <xdr:row>97</xdr:row>
      <xdr:rowOff>167956</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flipV="1">
          <a:off x="6972300" y="16754087"/>
          <a:ext cx="889000" cy="44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63539</xdr:rowOff>
    </xdr:from>
    <xdr:to>
      <xdr:col>41</xdr:col>
      <xdr:colOff>101600</xdr:colOff>
      <xdr:row>96</xdr:row>
      <xdr:rowOff>165139</xdr:rowOff>
    </xdr:to>
    <xdr:sp macro="" textlink="">
      <xdr:nvSpPr>
        <xdr:cNvPr id="459" name="フローチャート: 判断 458">
          <a:extLst>
            <a:ext uri="{FF2B5EF4-FFF2-40B4-BE49-F238E27FC236}">
              <a16:creationId xmlns:a16="http://schemas.microsoft.com/office/drawing/2014/main" id="{00000000-0008-0000-0700-0000CB010000}"/>
            </a:ext>
          </a:extLst>
        </xdr:cNvPr>
        <xdr:cNvSpPr/>
      </xdr:nvSpPr>
      <xdr:spPr>
        <a:xfrm>
          <a:off x="7810500" y="16522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0216</xdr:rowOff>
    </xdr:from>
    <xdr:ext cx="534377" cy="259045"/>
    <xdr:sp macro="" textlink="">
      <xdr:nvSpPr>
        <xdr:cNvPr id="460" name="テキスト ボックス 459">
          <a:extLst>
            <a:ext uri="{FF2B5EF4-FFF2-40B4-BE49-F238E27FC236}">
              <a16:creationId xmlns:a16="http://schemas.microsoft.com/office/drawing/2014/main" id="{00000000-0008-0000-0700-0000CC010000}"/>
            </a:ext>
          </a:extLst>
        </xdr:cNvPr>
        <xdr:cNvSpPr txBox="1"/>
      </xdr:nvSpPr>
      <xdr:spPr>
        <a:xfrm>
          <a:off x="7594111" y="16297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3258</xdr:rowOff>
    </xdr:from>
    <xdr:to>
      <xdr:col>36</xdr:col>
      <xdr:colOff>165100</xdr:colOff>
      <xdr:row>97</xdr:row>
      <xdr:rowOff>13408</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6921500" y="16542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29935</xdr:rowOff>
    </xdr:from>
    <xdr:ext cx="534377" cy="259045"/>
    <xdr:sp macro="" textlink="">
      <xdr:nvSpPr>
        <xdr:cNvPr id="462" name="テキスト ボックス 461">
          <a:extLst>
            <a:ext uri="{FF2B5EF4-FFF2-40B4-BE49-F238E27FC236}">
              <a16:creationId xmlns:a16="http://schemas.microsoft.com/office/drawing/2014/main" id="{00000000-0008-0000-0700-0000CE010000}"/>
            </a:ext>
          </a:extLst>
        </xdr:cNvPr>
        <xdr:cNvSpPr txBox="1"/>
      </xdr:nvSpPr>
      <xdr:spPr>
        <a:xfrm>
          <a:off x="6705111" y="16317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5" name="テキスト ボックス 464">
          <a:extLst>
            <a:ext uri="{FF2B5EF4-FFF2-40B4-BE49-F238E27FC236}">
              <a16:creationId xmlns:a16="http://schemas.microsoft.com/office/drawing/2014/main" id="{00000000-0008-0000-0700-0000D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3726</xdr:rowOff>
    </xdr:from>
    <xdr:to>
      <xdr:col>55</xdr:col>
      <xdr:colOff>50800</xdr:colOff>
      <xdr:row>98</xdr:row>
      <xdr:rowOff>3876</xdr:rowOff>
    </xdr:to>
    <xdr:sp macro="" textlink="">
      <xdr:nvSpPr>
        <xdr:cNvPr id="468" name="楕円 467">
          <a:extLst>
            <a:ext uri="{FF2B5EF4-FFF2-40B4-BE49-F238E27FC236}">
              <a16:creationId xmlns:a16="http://schemas.microsoft.com/office/drawing/2014/main" id="{00000000-0008-0000-0700-0000D4010000}"/>
            </a:ext>
          </a:extLst>
        </xdr:cNvPr>
        <xdr:cNvSpPr/>
      </xdr:nvSpPr>
      <xdr:spPr>
        <a:xfrm>
          <a:off x="10426700" y="16704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60103</xdr:rowOff>
    </xdr:from>
    <xdr:ext cx="534377" cy="259045"/>
    <xdr:sp macro="" textlink="">
      <xdr:nvSpPr>
        <xdr:cNvPr id="469" name="土木費該当値テキスト">
          <a:extLst>
            <a:ext uri="{FF2B5EF4-FFF2-40B4-BE49-F238E27FC236}">
              <a16:creationId xmlns:a16="http://schemas.microsoft.com/office/drawing/2014/main" id="{00000000-0008-0000-0700-0000D5010000}"/>
            </a:ext>
          </a:extLst>
        </xdr:cNvPr>
        <xdr:cNvSpPr txBox="1"/>
      </xdr:nvSpPr>
      <xdr:spPr>
        <a:xfrm>
          <a:off x="10528300" y="16619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96873</xdr:rowOff>
    </xdr:from>
    <xdr:to>
      <xdr:col>50</xdr:col>
      <xdr:colOff>165100</xdr:colOff>
      <xdr:row>98</xdr:row>
      <xdr:rowOff>27023</xdr:rowOff>
    </xdr:to>
    <xdr:sp macro="" textlink="">
      <xdr:nvSpPr>
        <xdr:cNvPr id="470" name="楕円 469">
          <a:extLst>
            <a:ext uri="{FF2B5EF4-FFF2-40B4-BE49-F238E27FC236}">
              <a16:creationId xmlns:a16="http://schemas.microsoft.com/office/drawing/2014/main" id="{00000000-0008-0000-0700-0000D6010000}"/>
            </a:ext>
          </a:extLst>
        </xdr:cNvPr>
        <xdr:cNvSpPr/>
      </xdr:nvSpPr>
      <xdr:spPr>
        <a:xfrm>
          <a:off x="9588500" y="16727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8150</xdr:rowOff>
    </xdr:from>
    <xdr:ext cx="534377"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9372111" y="16820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6242</xdr:rowOff>
    </xdr:from>
    <xdr:to>
      <xdr:col>46</xdr:col>
      <xdr:colOff>38100</xdr:colOff>
      <xdr:row>98</xdr:row>
      <xdr:rowOff>36392</xdr:rowOff>
    </xdr:to>
    <xdr:sp macro="" textlink="">
      <xdr:nvSpPr>
        <xdr:cNvPr id="472" name="楕円 471">
          <a:extLst>
            <a:ext uri="{FF2B5EF4-FFF2-40B4-BE49-F238E27FC236}">
              <a16:creationId xmlns:a16="http://schemas.microsoft.com/office/drawing/2014/main" id="{00000000-0008-0000-0700-0000D8010000}"/>
            </a:ext>
          </a:extLst>
        </xdr:cNvPr>
        <xdr:cNvSpPr/>
      </xdr:nvSpPr>
      <xdr:spPr>
        <a:xfrm>
          <a:off x="8699500" y="16736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27519</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8483111" y="16829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2637</xdr:rowOff>
    </xdr:from>
    <xdr:to>
      <xdr:col>41</xdr:col>
      <xdr:colOff>101600</xdr:colOff>
      <xdr:row>98</xdr:row>
      <xdr:rowOff>2787</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7810500" y="16703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65364</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7594111" y="16796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17156</xdr:rowOff>
    </xdr:from>
    <xdr:to>
      <xdr:col>36</xdr:col>
      <xdr:colOff>165100</xdr:colOff>
      <xdr:row>98</xdr:row>
      <xdr:rowOff>47306</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6921500" y="16747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38433</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05111" y="16840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78" name="正方形/長方形 477">
          <a:extLst>
            <a:ext uri="{FF2B5EF4-FFF2-40B4-BE49-F238E27FC236}">
              <a16:creationId xmlns:a16="http://schemas.microsoft.com/office/drawing/2014/main" id="{00000000-0008-0000-0700-0000D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79" name="正方形/長方形 478">
          <a:extLst>
            <a:ext uri="{FF2B5EF4-FFF2-40B4-BE49-F238E27FC236}">
              <a16:creationId xmlns:a16="http://schemas.microsoft.com/office/drawing/2014/main" id="{00000000-0008-0000-0700-0000D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0" name="正方形/長方形 479">
          <a:extLst>
            <a:ext uri="{FF2B5EF4-FFF2-40B4-BE49-F238E27FC236}">
              <a16:creationId xmlns:a16="http://schemas.microsoft.com/office/drawing/2014/main" id="{00000000-0008-0000-0700-0000E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1" name="正方形/長方形 480">
          <a:extLst>
            <a:ext uri="{FF2B5EF4-FFF2-40B4-BE49-F238E27FC236}">
              <a16:creationId xmlns:a16="http://schemas.microsoft.com/office/drawing/2014/main" id="{00000000-0008-0000-0700-0000E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2" name="正方形/長方形 481">
          <a:extLst>
            <a:ext uri="{FF2B5EF4-FFF2-40B4-BE49-F238E27FC236}">
              <a16:creationId xmlns:a16="http://schemas.microsoft.com/office/drawing/2014/main" id="{00000000-0008-0000-0700-0000E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3" name="正方形/長方形 482">
          <a:extLst>
            <a:ext uri="{FF2B5EF4-FFF2-40B4-BE49-F238E27FC236}">
              <a16:creationId xmlns:a16="http://schemas.microsoft.com/office/drawing/2014/main" id="{00000000-0008-0000-0700-0000E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87" name="直線コネクタ 486">
          <a:extLst>
            <a:ext uri="{FF2B5EF4-FFF2-40B4-BE49-F238E27FC236}">
              <a16:creationId xmlns:a16="http://schemas.microsoft.com/office/drawing/2014/main" id="{00000000-0008-0000-0700-0000E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139700</xdr:rowOff>
    </xdr:from>
    <xdr:to>
      <xdr:col>89</xdr:col>
      <xdr:colOff>177800</xdr:colOff>
      <xdr:row>39</xdr:row>
      <xdr:rowOff>139700</xdr:rowOff>
    </xdr:to>
    <xdr:cxnSp macro="">
      <xdr:nvCxnSpPr>
        <xdr:cNvPr id="488" name="直線コネクタ 487">
          <a:extLst>
            <a:ext uri="{FF2B5EF4-FFF2-40B4-BE49-F238E27FC236}">
              <a16:creationId xmlns:a16="http://schemas.microsoft.com/office/drawing/2014/main" id="{00000000-0008-0000-0700-0000E8010000}"/>
            </a:ext>
          </a:extLst>
        </xdr:cNvPr>
        <xdr:cNvCxnSpPr/>
      </xdr:nvCxnSpPr>
      <xdr:spPr>
        <a:xfrm>
          <a:off x="12446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68927</xdr:rowOff>
    </xdr:from>
    <xdr:ext cx="248786"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12197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490" name="直線コネクタ 489">
          <a:extLst>
            <a:ext uri="{FF2B5EF4-FFF2-40B4-BE49-F238E27FC236}">
              <a16:creationId xmlns:a16="http://schemas.microsoft.com/office/drawing/2014/main" id="{00000000-0008-0000-0700-0000EA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54627</xdr:rowOff>
    </xdr:from>
    <xdr:ext cx="531299"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11914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82550</xdr:rowOff>
    </xdr:from>
    <xdr:to>
      <xdr:col>89</xdr:col>
      <xdr:colOff>177800</xdr:colOff>
      <xdr:row>36</xdr:row>
      <xdr:rowOff>82550</xdr:rowOff>
    </xdr:to>
    <xdr:cxnSp macro="">
      <xdr:nvCxnSpPr>
        <xdr:cNvPr id="492" name="直線コネクタ 491">
          <a:extLst>
            <a:ext uri="{FF2B5EF4-FFF2-40B4-BE49-F238E27FC236}">
              <a16:creationId xmlns:a16="http://schemas.microsoft.com/office/drawing/2014/main" id="{00000000-0008-0000-0700-0000EC010000}"/>
            </a:ext>
          </a:extLst>
        </xdr:cNvPr>
        <xdr:cNvCxnSpPr/>
      </xdr:nvCxnSpPr>
      <xdr:spPr>
        <a:xfrm>
          <a:off x="12446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111777</xdr:rowOff>
    </xdr:from>
    <xdr:ext cx="531299"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1914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5400</xdr:rowOff>
    </xdr:from>
    <xdr:to>
      <xdr:col>89</xdr:col>
      <xdr:colOff>177800</xdr:colOff>
      <xdr:row>33</xdr:row>
      <xdr:rowOff>2540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54627</xdr:rowOff>
    </xdr:from>
    <xdr:ext cx="59541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850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9</xdr:row>
      <xdr:rowOff>139700</xdr:rowOff>
    </xdr:from>
    <xdr:to>
      <xdr:col>89</xdr:col>
      <xdr:colOff>177800</xdr:colOff>
      <xdr:row>29</xdr:row>
      <xdr:rowOff>1397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8</xdr:row>
      <xdr:rowOff>168927</xdr:rowOff>
    </xdr:from>
    <xdr:ext cx="59541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850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4" name="消防費グラフ枠">
          <a:extLst>
            <a:ext uri="{FF2B5EF4-FFF2-40B4-BE49-F238E27FC236}">
              <a16:creationId xmlns:a16="http://schemas.microsoft.com/office/drawing/2014/main" id="{00000000-0008-0000-0700-0000F8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7382</xdr:rowOff>
    </xdr:from>
    <xdr:to>
      <xdr:col>85</xdr:col>
      <xdr:colOff>126364</xdr:colOff>
      <xdr:row>38</xdr:row>
      <xdr:rowOff>144072</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flipV="1">
          <a:off x="16317595" y="5250882"/>
          <a:ext cx="1269" cy="1408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899</xdr:rowOff>
    </xdr:from>
    <xdr:ext cx="534377" cy="259045"/>
    <xdr:sp macro="" textlink="">
      <xdr:nvSpPr>
        <xdr:cNvPr id="506" name="消防費最小値テキスト">
          <a:extLst>
            <a:ext uri="{FF2B5EF4-FFF2-40B4-BE49-F238E27FC236}">
              <a16:creationId xmlns:a16="http://schemas.microsoft.com/office/drawing/2014/main" id="{00000000-0008-0000-0700-0000FA010000}"/>
            </a:ext>
          </a:extLst>
        </xdr:cNvPr>
        <xdr:cNvSpPr txBox="1"/>
      </xdr:nvSpPr>
      <xdr:spPr>
        <a:xfrm>
          <a:off x="16370300" y="6662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44072</xdr:rowOff>
    </xdr:from>
    <xdr:to>
      <xdr:col>86</xdr:col>
      <xdr:colOff>25400</xdr:colOff>
      <xdr:row>38</xdr:row>
      <xdr:rowOff>144072</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6230600" y="6659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4059</xdr:rowOff>
    </xdr:from>
    <xdr:ext cx="599010" cy="259045"/>
    <xdr:sp macro="" textlink="">
      <xdr:nvSpPr>
        <xdr:cNvPr id="508" name="消防費最大値テキスト">
          <a:extLst>
            <a:ext uri="{FF2B5EF4-FFF2-40B4-BE49-F238E27FC236}">
              <a16:creationId xmlns:a16="http://schemas.microsoft.com/office/drawing/2014/main" id="{00000000-0008-0000-0700-0000FC010000}"/>
            </a:ext>
          </a:extLst>
        </xdr:cNvPr>
        <xdr:cNvSpPr txBox="1"/>
      </xdr:nvSpPr>
      <xdr:spPr>
        <a:xfrm>
          <a:off x="16370300" y="5026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5,39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07382</xdr:rowOff>
    </xdr:from>
    <xdr:to>
      <xdr:col>86</xdr:col>
      <xdr:colOff>25400</xdr:colOff>
      <xdr:row>30</xdr:row>
      <xdr:rowOff>107382</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6230600" y="5250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9979</xdr:rowOff>
    </xdr:from>
    <xdr:to>
      <xdr:col>85</xdr:col>
      <xdr:colOff>127000</xdr:colOff>
      <xdr:row>38</xdr:row>
      <xdr:rowOff>32296</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5481300" y="6525079"/>
          <a:ext cx="838200" cy="22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3660</xdr:rowOff>
    </xdr:from>
    <xdr:ext cx="534377" cy="259045"/>
    <xdr:sp macro="" textlink="">
      <xdr:nvSpPr>
        <xdr:cNvPr id="511" name="消防費平均値テキスト">
          <a:extLst>
            <a:ext uri="{FF2B5EF4-FFF2-40B4-BE49-F238E27FC236}">
              <a16:creationId xmlns:a16="http://schemas.microsoft.com/office/drawing/2014/main" id="{00000000-0008-0000-0700-0000FF010000}"/>
            </a:ext>
          </a:extLst>
        </xdr:cNvPr>
        <xdr:cNvSpPr txBox="1"/>
      </xdr:nvSpPr>
      <xdr:spPr>
        <a:xfrm>
          <a:off x="16370300" y="62658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0783</xdr:rowOff>
    </xdr:from>
    <xdr:to>
      <xdr:col>85</xdr:col>
      <xdr:colOff>177800</xdr:colOff>
      <xdr:row>38</xdr:row>
      <xdr:rowOff>933</xdr:rowOff>
    </xdr:to>
    <xdr:sp macro="" textlink="">
      <xdr:nvSpPr>
        <xdr:cNvPr id="512" name="フローチャート: 判断 511">
          <a:extLst>
            <a:ext uri="{FF2B5EF4-FFF2-40B4-BE49-F238E27FC236}">
              <a16:creationId xmlns:a16="http://schemas.microsoft.com/office/drawing/2014/main" id="{00000000-0008-0000-0700-000000020000}"/>
            </a:ext>
          </a:extLst>
        </xdr:cNvPr>
        <xdr:cNvSpPr/>
      </xdr:nvSpPr>
      <xdr:spPr>
        <a:xfrm>
          <a:off x="16268700" y="6414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66662</xdr:rowOff>
    </xdr:from>
    <xdr:to>
      <xdr:col>81</xdr:col>
      <xdr:colOff>50800</xdr:colOff>
      <xdr:row>38</xdr:row>
      <xdr:rowOff>9979</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4592300" y="6238862"/>
          <a:ext cx="889000" cy="286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8849</xdr:rowOff>
    </xdr:from>
    <xdr:to>
      <xdr:col>81</xdr:col>
      <xdr:colOff>101600</xdr:colOff>
      <xdr:row>37</xdr:row>
      <xdr:rowOff>160449</xdr:rowOff>
    </xdr:to>
    <xdr:sp macro="" textlink="">
      <xdr:nvSpPr>
        <xdr:cNvPr id="514" name="フローチャート: 判断 513">
          <a:extLst>
            <a:ext uri="{FF2B5EF4-FFF2-40B4-BE49-F238E27FC236}">
              <a16:creationId xmlns:a16="http://schemas.microsoft.com/office/drawing/2014/main" id="{00000000-0008-0000-0700-000002020000}"/>
            </a:ext>
          </a:extLst>
        </xdr:cNvPr>
        <xdr:cNvSpPr/>
      </xdr:nvSpPr>
      <xdr:spPr>
        <a:xfrm>
          <a:off x="15430500" y="6402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5526</xdr:rowOff>
    </xdr:from>
    <xdr:ext cx="534377"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5214111" y="6177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66662</xdr:rowOff>
    </xdr:from>
    <xdr:to>
      <xdr:col>76</xdr:col>
      <xdr:colOff>114300</xdr:colOff>
      <xdr:row>38</xdr:row>
      <xdr:rowOff>73282</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flipV="1">
          <a:off x="13703300" y="6238862"/>
          <a:ext cx="889000" cy="349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3042</xdr:rowOff>
    </xdr:from>
    <xdr:to>
      <xdr:col>76</xdr:col>
      <xdr:colOff>165100</xdr:colOff>
      <xdr:row>38</xdr:row>
      <xdr:rowOff>13192</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4541500" y="6426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4319</xdr:rowOff>
    </xdr:from>
    <xdr:ext cx="534377"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4325111" y="6519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47213</xdr:rowOff>
    </xdr:from>
    <xdr:to>
      <xdr:col>71</xdr:col>
      <xdr:colOff>177800</xdr:colOff>
      <xdr:row>38</xdr:row>
      <xdr:rowOff>73282</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a:off x="12814300" y="6562313"/>
          <a:ext cx="889000" cy="26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0749</xdr:rowOff>
    </xdr:from>
    <xdr:to>
      <xdr:col>72</xdr:col>
      <xdr:colOff>38100</xdr:colOff>
      <xdr:row>38</xdr:row>
      <xdr:rowOff>30899</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3652500" y="6444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47426</xdr:rowOff>
    </xdr:from>
    <xdr:ext cx="534377"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3436111" y="6219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8027</xdr:rowOff>
    </xdr:from>
    <xdr:to>
      <xdr:col>67</xdr:col>
      <xdr:colOff>101600</xdr:colOff>
      <xdr:row>38</xdr:row>
      <xdr:rowOff>48177</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2763500" y="6461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64704</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2547111" y="6236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2946</xdr:rowOff>
    </xdr:from>
    <xdr:to>
      <xdr:col>85</xdr:col>
      <xdr:colOff>177800</xdr:colOff>
      <xdr:row>38</xdr:row>
      <xdr:rowOff>83096</xdr:rowOff>
    </xdr:to>
    <xdr:sp macro="" textlink="">
      <xdr:nvSpPr>
        <xdr:cNvPr id="529" name="楕円 528">
          <a:extLst>
            <a:ext uri="{FF2B5EF4-FFF2-40B4-BE49-F238E27FC236}">
              <a16:creationId xmlns:a16="http://schemas.microsoft.com/office/drawing/2014/main" id="{00000000-0008-0000-0700-000011020000}"/>
            </a:ext>
          </a:extLst>
        </xdr:cNvPr>
        <xdr:cNvSpPr/>
      </xdr:nvSpPr>
      <xdr:spPr>
        <a:xfrm>
          <a:off x="16268700" y="6496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67873</xdr:rowOff>
    </xdr:from>
    <xdr:ext cx="534377" cy="259045"/>
    <xdr:sp macro="" textlink="">
      <xdr:nvSpPr>
        <xdr:cNvPr id="530" name="消防費該当値テキスト">
          <a:extLst>
            <a:ext uri="{FF2B5EF4-FFF2-40B4-BE49-F238E27FC236}">
              <a16:creationId xmlns:a16="http://schemas.microsoft.com/office/drawing/2014/main" id="{00000000-0008-0000-0700-000012020000}"/>
            </a:ext>
          </a:extLst>
        </xdr:cNvPr>
        <xdr:cNvSpPr txBox="1"/>
      </xdr:nvSpPr>
      <xdr:spPr>
        <a:xfrm>
          <a:off x="16370300" y="6411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30629</xdr:rowOff>
    </xdr:from>
    <xdr:to>
      <xdr:col>81</xdr:col>
      <xdr:colOff>101600</xdr:colOff>
      <xdr:row>38</xdr:row>
      <xdr:rowOff>60779</xdr:rowOff>
    </xdr:to>
    <xdr:sp macro="" textlink="">
      <xdr:nvSpPr>
        <xdr:cNvPr id="531" name="楕円 530">
          <a:extLst>
            <a:ext uri="{FF2B5EF4-FFF2-40B4-BE49-F238E27FC236}">
              <a16:creationId xmlns:a16="http://schemas.microsoft.com/office/drawing/2014/main" id="{00000000-0008-0000-0700-000013020000}"/>
            </a:ext>
          </a:extLst>
        </xdr:cNvPr>
        <xdr:cNvSpPr/>
      </xdr:nvSpPr>
      <xdr:spPr>
        <a:xfrm>
          <a:off x="15430500" y="6474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51906</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5214111" y="6567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5862</xdr:rowOff>
    </xdr:from>
    <xdr:to>
      <xdr:col>76</xdr:col>
      <xdr:colOff>165100</xdr:colOff>
      <xdr:row>36</xdr:row>
      <xdr:rowOff>117462</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4541500" y="6188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33989</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4325111" y="5963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22482</xdr:rowOff>
    </xdr:from>
    <xdr:to>
      <xdr:col>72</xdr:col>
      <xdr:colOff>38100</xdr:colOff>
      <xdr:row>38</xdr:row>
      <xdr:rowOff>124082</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3652500" y="6537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15209</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436111" y="6630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7863</xdr:rowOff>
    </xdr:from>
    <xdr:to>
      <xdr:col>67</xdr:col>
      <xdr:colOff>101600</xdr:colOff>
      <xdr:row>38</xdr:row>
      <xdr:rowOff>98013</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2763500" y="6511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89140</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2547111" y="6604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9" name="正方形/長方形 538">
          <a:extLst>
            <a:ext uri="{FF2B5EF4-FFF2-40B4-BE49-F238E27FC236}">
              <a16:creationId xmlns:a16="http://schemas.microsoft.com/office/drawing/2014/main" id="{00000000-0008-0000-0700-00001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0" name="正方形/長方形 539">
          <a:extLst>
            <a:ext uri="{FF2B5EF4-FFF2-40B4-BE49-F238E27FC236}">
              <a16:creationId xmlns:a16="http://schemas.microsoft.com/office/drawing/2014/main" id="{00000000-0008-0000-0700-00001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1" name="正方形/長方形 540">
          <a:extLst>
            <a:ext uri="{FF2B5EF4-FFF2-40B4-BE49-F238E27FC236}">
              <a16:creationId xmlns:a16="http://schemas.microsoft.com/office/drawing/2014/main" id="{00000000-0008-0000-0700-00001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2" name="正方形/長方形 541">
          <a:extLst>
            <a:ext uri="{FF2B5EF4-FFF2-40B4-BE49-F238E27FC236}">
              <a16:creationId xmlns:a16="http://schemas.microsoft.com/office/drawing/2014/main" id="{00000000-0008-0000-0700-00001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8" name="直線コネクタ 547">
          <a:extLst>
            <a:ext uri="{FF2B5EF4-FFF2-40B4-BE49-F238E27FC236}">
              <a16:creationId xmlns:a16="http://schemas.microsoft.com/office/drawing/2014/main" id="{00000000-0008-0000-0700-00002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49" name="直線コネクタ 548">
          <a:extLst>
            <a:ext uri="{FF2B5EF4-FFF2-40B4-BE49-F238E27FC236}">
              <a16:creationId xmlns:a16="http://schemas.microsoft.com/office/drawing/2014/main" id="{00000000-0008-0000-0700-000025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1" name="直線コネクタ 550">
          <a:extLst>
            <a:ext uri="{FF2B5EF4-FFF2-40B4-BE49-F238E27FC236}">
              <a16:creationId xmlns:a16="http://schemas.microsoft.com/office/drawing/2014/main" id="{00000000-0008-0000-0700-000027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教育費グラフ枠">
          <a:extLst>
            <a:ext uri="{FF2B5EF4-FFF2-40B4-BE49-F238E27FC236}">
              <a16:creationId xmlns:a16="http://schemas.microsoft.com/office/drawing/2014/main" id="{00000000-0008-0000-0700-00003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1356</xdr:rowOff>
    </xdr:from>
    <xdr:to>
      <xdr:col>85</xdr:col>
      <xdr:colOff>126364</xdr:colOff>
      <xdr:row>57</xdr:row>
      <xdr:rowOff>107414</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flipV="1">
          <a:off x="16317595" y="8613856"/>
          <a:ext cx="1269" cy="12662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11241</xdr:rowOff>
    </xdr:from>
    <xdr:ext cx="534377" cy="259045"/>
    <xdr:sp macro="" textlink="">
      <xdr:nvSpPr>
        <xdr:cNvPr id="563" name="教育費最小値テキスト">
          <a:extLst>
            <a:ext uri="{FF2B5EF4-FFF2-40B4-BE49-F238E27FC236}">
              <a16:creationId xmlns:a16="http://schemas.microsoft.com/office/drawing/2014/main" id="{00000000-0008-0000-0700-000033020000}"/>
            </a:ext>
          </a:extLst>
        </xdr:cNvPr>
        <xdr:cNvSpPr txBox="1"/>
      </xdr:nvSpPr>
      <xdr:spPr>
        <a:xfrm>
          <a:off x="16370300" y="9883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07414</xdr:rowOff>
    </xdr:from>
    <xdr:to>
      <xdr:col>86</xdr:col>
      <xdr:colOff>25400</xdr:colOff>
      <xdr:row>57</xdr:row>
      <xdr:rowOff>107414</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6230600" y="9880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9483</xdr:rowOff>
    </xdr:from>
    <xdr:ext cx="599010" cy="259045"/>
    <xdr:sp macro="" textlink="">
      <xdr:nvSpPr>
        <xdr:cNvPr id="565" name="教育費最大値テキスト">
          <a:extLst>
            <a:ext uri="{FF2B5EF4-FFF2-40B4-BE49-F238E27FC236}">
              <a16:creationId xmlns:a16="http://schemas.microsoft.com/office/drawing/2014/main" id="{00000000-0008-0000-0700-000035020000}"/>
            </a:ext>
          </a:extLst>
        </xdr:cNvPr>
        <xdr:cNvSpPr txBox="1"/>
      </xdr:nvSpPr>
      <xdr:spPr>
        <a:xfrm>
          <a:off x="16370300" y="83890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2,90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1356</xdr:rowOff>
    </xdr:from>
    <xdr:to>
      <xdr:col>86</xdr:col>
      <xdr:colOff>25400</xdr:colOff>
      <xdr:row>50</xdr:row>
      <xdr:rowOff>41356</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6230600" y="8613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17861</xdr:rowOff>
    </xdr:from>
    <xdr:to>
      <xdr:col>85</xdr:col>
      <xdr:colOff>127000</xdr:colOff>
      <xdr:row>57</xdr:row>
      <xdr:rowOff>1557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5481300" y="9719061"/>
          <a:ext cx="838200" cy="69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87294</xdr:rowOff>
    </xdr:from>
    <xdr:ext cx="534377" cy="259045"/>
    <xdr:sp macro="" textlink="">
      <xdr:nvSpPr>
        <xdr:cNvPr id="568" name="教育費平均値テキスト">
          <a:extLst>
            <a:ext uri="{FF2B5EF4-FFF2-40B4-BE49-F238E27FC236}">
              <a16:creationId xmlns:a16="http://schemas.microsoft.com/office/drawing/2014/main" id="{00000000-0008-0000-0700-000038020000}"/>
            </a:ext>
          </a:extLst>
        </xdr:cNvPr>
        <xdr:cNvSpPr txBox="1"/>
      </xdr:nvSpPr>
      <xdr:spPr>
        <a:xfrm>
          <a:off x="16370300" y="93455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64417</xdr:rowOff>
    </xdr:from>
    <xdr:to>
      <xdr:col>85</xdr:col>
      <xdr:colOff>177800</xdr:colOff>
      <xdr:row>55</xdr:row>
      <xdr:rowOff>166017</xdr:rowOff>
    </xdr:to>
    <xdr:sp macro="" textlink="">
      <xdr:nvSpPr>
        <xdr:cNvPr id="569" name="フローチャート: 判断 568">
          <a:extLst>
            <a:ext uri="{FF2B5EF4-FFF2-40B4-BE49-F238E27FC236}">
              <a16:creationId xmlns:a16="http://schemas.microsoft.com/office/drawing/2014/main" id="{00000000-0008-0000-0700-000039020000}"/>
            </a:ext>
          </a:extLst>
        </xdr:cNvPr>
        <xdr:cNvSpPr/>
      </xdr:nvSpPr>
      <xdr:spPr>
        <a:xfrm>
          <a:off x="16268700" y="9494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17861</xdr:rowOff>
    </xdr:from>
    <xdr:to>
      <xdr:col>81</xdr:col>
      <xdr:colOff>50800</xdr:colOff>
      <xdr:row>56</xdr:row>
      <xdr:rowOff>123461</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flipV="1">
          <a:off x="14592300" y="9719061"/>
          <a:ext cx="889000" cy="5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26241</xdr:rowOff>
    </xdr:from>
    <xdr:to>
      <xdr:col>81</xdr:col>
      <xdr:colOff>101600</xdr:colOff>
      <xdr:row>55</xdr:row>
      <xdr:rowOff>127841</xdr:rowOff>
    </xdr:to>
    <xdr:sp macro="" textlink="">
      <xdr:nvSpPr>
        <xdr:cNvPr id="571" name="フローチャート: 判断 570">
          <a:extLst>
            <a:ext uri="{FF2B5EF4-FFF2-40B4-BE49-F238E27FC236}">
              <a16:creationId xmlns:a16="http://schemas.microsoft.com/office/drawing/2014/main" id="{00000000-0008-0000-0700-00003B020000}"/>
            </a:ext>
          </a:extLst>
        </xdr:cNvPr>
        <xdr:cNvSpPr/>
      </xdr:nvSpPr>
      <xdr:spPr>
        <a:xfrm>
          <a:off x="15430500" y="9455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44368</xdr:rowOff>
    </xdr:from>
    <xdr:ext cx="534377"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5214111" y="9231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23461</xdr:rowOff>
    </xdr:from>
    <xdr:to>
      <xdr:col>76</xdr:col>
      <xdr:colOff>114300</xdr:colOff>
      <xdr:row>57</xdr:row>
      <xdr:rowOff>59424</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flipV="1">
          <a:off x="13703300" y="9724661"/>
          <a:ext cx="889000" cy="107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38540</xdr:rowOff>
    </xdr:from>
    <xdr:to>
      <xdr:col>76</xdr:col>
      <xdr:colOff>165100</xdr:colOff>
      <xdr:row>55</xdr:row>
      <xdr:rowOff>140140</xdr:rowOff>
    </xdr:to>
    <xdr:sp macro="" textlink="">
      <xdr:nvSpPr>
        <xdr:cNvPr id="574" name="フローチャート: 判断 573">
          <a:extLst>
            <a:ext uri="{FF2B5EF4-FFF2-40B4-BE49-F238E27FC236}">
              <a16:creationId xmlns:a16="http://schemas.microsoft.com/office/drawing/2014/main" id="{00000000-0008-0000-0700-00003E020000}"/>
            </a:ext>
          </a:extLst>
        </xdr:cNvPr>
        <xdr:cNvSpPr/>
      </xdr:nvSpPr>
      <xdr:spPr>
        <a:xfrm>
          <a:off x="14541500" y="9468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56667</xdr:rowOff>
    </xdr:from>
    <xdr:ext cx="534377"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4325111" y="9243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59424</xdr:rowOff>
    </xdr:from>
    <xdr:to>
      <xdr:col>71</xdr:col>
      <xdr:colOff>177800</xdr:colOff>
      <xdr:row>57</xdr:row>
      <xdr:rowOff>71623</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2814300" y="9832074"/>
          <a:ext cx="889000" cy="12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39794</xdr:rowOff>
    </xdr:from>
    <xdr:to>
      <xdr:col>72</xdr:col>
      <xdr:colOff>38100</xdr:colOff>
      <xdr:row>56</xdr:row>
      <xdr:rowOff>69944</xdr:rowOff>
    </xdr:to>
    <xdr:sp macro="" textlink="">
      <xdr:nvSpPr>
        <xdr:cNvPr id="577" name="フローチャート: 判断 576">
          <a:extLst>
            <a:ext uri="{FF2B5EF4-FFF2-40B4-BE49-F238E27FC236}">
              <a16:creationId xmlns:a16="http://schemas.microsoft.com/office/drawing/2014/main" id="{00000000-0008-0000-0700-000041020000}"/>
            </a:ext>
          </a:extLst>
        </xdr:cNvPr>
        <xdr:cNvSpPr/>
      </xdr:nvSpPr>
      <xdr:spPr>
        <a:xfrm>
          <a:off x="13652500" y="9569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86471</xdr:rowOff>
    </xdr:from>
    <xdr:ext cx="534377"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3436111" y="9344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48420</xdr:rowOff>
    </xdr:from>
    <xdr:to>
      <xdr:col>67</xdr:col>
      <xdr:colOff>101600</xdr:colOff>
      <xdr:row>56</xdr:row>
      <xdr:rowOff>78570</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2763500" y="957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95097</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2547111" y="935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6220</xdr:rowOff>
    </xdr:from>
    <xdr:to>
      <xdr:col>85</xdr:col>
      <xdr:colOff>177800</xdr:colOff>
      <xdr:row>57</xdr:row>
      <xdr:rowOff>66370</xdr:rowOff>
    </xdr:to>
    <xdr:sp macro="" textlink="">
      <xdr:nvSpPr>
        <xdr:cNvPr id="586" name="楕円 585">
          <a:extLst>
            <a:ext uri="{FF2B5EF4-FFF2-40B4-BE49-F238E27FC236}">
              <a16:creationId xmlns:a16="http://schemas.microsoft.com/office/drawing/2014/main" id="{00000000-0008-0000-0700-00004A020000}"/>
            </a:ext>
          </a:extLst>
        </xdr:cNvPr>
        <xdr:cNvSpPr/>
      </xdr:nvSpPr>
      <xdr:spPr>
        <a:xfrm>
          <a:off x="16268700" y="973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51147</xdr:rowOff>
    </xdr:from>
    <xdr:ext cx="534377" cy="259045"/>
    <xdr:sp macro="" textlink="">
      <xdr:nvSpPr>
        <xdr:cNvPr id="587" name="教育費該当値テキスト">
          <a:extLst>
            <a:ext uri="{FF2B5EF4-FFF2-40B4-BE49-F238E27FC236}">
              <a16:creationId xmlns:a16="http://schemas.microsoft.com/office/drawing/2014/main" id="{00000000-0008-0000-0700-00004B020000}"/>
            </a:ext>
          </a:extLst>
        </xdr:cNvPr>
        <xdr:cNvSpPr txBox="1"/>
      </xdr:nvSpPr>
      <xdr:spPr>
        <a:xfrm>
          <a:off x="16370300" y="9652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67061</xdr:rowOff>
    </xdr:from>
    <xdr:to>
      <xdr:col>81</xdr:col>
      <xdr:colOff>101600</xdr:colOff>
      <xdr:row>56</xdr:row>
      <xdr:rowOff>168661</xdr:rowOff>
    </xdr:to>
    <xdr:sp macro="" textlink="">
      <xdr:nvSpPr>
        <xdr:cNvPr id="588" name="楕円 587">
          <a:extLst>
            <a:ext uri="{FF2B5EF4-FFF2-40B4-BE49-F238E27FC236}">
              <a16:creationId xmlns:a16="http://schemas.microsoft.com/office/drawing/2014/main" id="{00000000-0008-0000-0700-00004C020000}"/>
            </a:ext>
          </a:extLst>
        </xdr:cNvPr>
        <xdr:cNvSpPr/>
      </xdr:nvSpPr>
      <xdr:spPr>
        <a:xfrm>
          <a:off x="15430500" y="9668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59788</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14111" y="9760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72661</xdr:rowOff>
    </xdr:from>
    <xdr:to>
      <xdr:col>76</xdr:col>
      <xdr:colOff>165100</xdr:colOff>
      <xdr:row>57</xdr:row>
      <xdr:rowOff>2811</xdr:rowOff>
    </xdr:to>
    <xdr:sp macro="" textlink="">
      <xdr:nvSpPr>
        <xdr:cNvPr id="590" name="楕円 589">
          <a:extLst>
            <a:ext uri="{FF2B5EF4-FFF2-40B4-BE49-F238E27FC236}">
              <a16:creationId xmlns:a16="http://schemas.microsoft.com/office/drawing/2014/main" id="{00000000-0008-0000-0700-00004E020000}"/>
            </a:ext>
          </a:extLst>
        </xdr:cNvPr>
        <xdr:cNvSpPr/>
      </xdr:nvSpPr>
      <xdr:spPr>
        <a:xfrm>
          <a:off x="14541500" y="9673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65388</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4325111" y="9766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8624</xdr:rowOff>
    </xdr:from>
    <xdr:to>
      <xdr:col>72</xdr:col>
      <xdr:colOff>38100</xdr:colOff>
      <xdr:row>57</xdr:row>
      <xdr:rowOff>110224</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3652500" y="9781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01351</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3436111" y="9874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20823</xdr:rowOff>
    </xdr:from>
    <xdr:to>
      <xdr:col>67</xdr:col>
      <xdr:colOff>101600</xdr:colOff>
      <xdr:row>57</xdr:row>
      <xdr:rowOff>122423</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2763500" y="9793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13550</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547111" y="9886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a:extLst>
            <a:ext uri="{FF2B5EF4-FFF2-40B4-BE49-F238E27FC236}">
              <a16:creationId xmlns:a16="http://schemas.microsoft.com/office/drawing/2014/main" id="{00000000-0008-0000-0700-00005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a:extLst>
            <a:ext uri="{FF2B5EF4-FFF2-40B4-BE49-F238E27FC236}">
              <a16:creationId xmlns:a16="http://schemas.microsoft.com/office/drawing/2014/main" id="{00000000-0008-0000-0700-00005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a:extLst>
            <a:ext uri="{FF2B5EF4-FFF2-40B4-BE49-F238E27FC236}">
              <a16:creationId xmlns:a16="http://schemas.microsoft.com/office/drawing/2014/main" id="{00000000-0008-0000-0700-00005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a:extLst>
            <a:ext uri="{FF2B5EF4-FFF2-40B4-BE49-F238E27FC236}">
              <a16:creationId xmlns:a16="http://schemas.microsoft.com/office/drawing/2014/main" id="{00000000-0008-0000-0700-00005E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災害復旧費グラフ枠">
          <a:extLst>
            <a:ext uri="{FF2B5EF4-FFF2-40B4-BE49-F238E27FC236}">
              <a16:creationId xmlns:a16="http://schemas.microsoft.com/office/drawing/2014/main" id="{00000000-0008-0000-0700-00006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90546</xdr:rowOff>
    </xdr:from>
    <xdr:to>
      <xdr:col>85</xdr:col>
      <xdr:colOff>126364</xdr:colOff>
      <xdr:row>78</xdr:row>
      <xdr:rowOff>13970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flipV="1">
          <a:off x="16317595" y="12434946"/>
          <a:ext cx="1269" cy="10778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8209</xdr:rowOff>
    </xdr:from>
    <xdr:ext cx="249299" cy="259045"/>
    <xdr:sp macro="" textlink="">
      <xdr:nvSpPr>
        <xdr:cNvPr id="618" name="災害復旧費最小値テキスト">
          <a:extLst>
            <a:ext uri="{FF2B5EF4-FFF2-40B4-BE49-F238E27FC236}">
              <a16:creationId xmlns:a16="http://schemas.microsoft.com/office/drawing/2014/main" id="{00000000-0008-0000-0700-00006A020000}"/>
            </a:ext>
          </a:extLst>
        </xdr:cNvPr>
        <xdr:cNvSpPr txBox="1"/>
      </xdr:nvSpPr>
      <xdr:spPr>
        <a:xfrm>
          <a:off x="16370300" y="135213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1</xdr:row>
      <xdr:rowOff>37223</xdr:rowOff>
    </xdr:from>
    <xdr:ext cx="599010" cy="259045"/>
    <xdr:sp macro="" textlink="">
      <xdr:nvSpPr>
        <xdr:cNvPr id="620" name="災害復旧費最大値テキスト">
          <a:extLst>
            <a:ext uri="{FF2B5EF4-FFF2-40B4-BE49-F238E27FC236}">
              <a16:creationId xmlns:a16="http://schemas.microsoft.com/office/drawing/2014/main" id="{00000000-0008-0000-0700-00006C020000}"/>
            </a:ext>
          </a:extLst>
        </xdr:cNvPr>
        <xdr:cNvSpPr txBox="1"/>
      </xdr:nvSpPr>
      <xdr:spPr>
        <a:xfrm>
          <a:off x="16370300" y="12210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5,75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90546</xdr:rowOff>
    </xdr:from>
    <xdr:to>
      <xdr:col>86</xdr:col>
      <xdr:colOff>25400</xdr:colOff>
      <xdr:row>72</xdr:row>
      <xdr:rowOff>90546</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6230600" y="12434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23827</xdr:rowOff>
    </xdr:from>
    <xdr:to>
      <xdr:col>85</xdr:col>
      <xdr:colOff>127000</xdr:colOff>
      <xdr:row>78</xdr:row>
      <xdr:rowOff>134159</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flipV="1">
          <a:off x="15481300" y="13496927"/>
          <a:ext cx="838200" cy="10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5659</xdr:rowOff>
    </xdr:from>
    <xdr:ext cx="534377" cy="259045"/>
    <xdr:sp macro="" textlink="">
      <xdr:nvSpPr>
        <xdr:cNvPr id="623" name="災害復旧費平均値テキスト">
          <a:extLst>
            <a:ext uri="{FF2B5EF4-FFF2-40B4-BE49-F238E27FC236}">
              <a16:creationId xmlns:a16="http://schemas.microsoft.com/office/drawing/2014/main" id="{00000000-0008-0000-0700-00006F020000}"/>
            </a:ext>
          </a:extLst>
        </xdr:cNvPr>
        <xdr:cNvSpPr txBox="1"/>
      </xdr:nvSpPr>
      <xdr:spPr>
        <a:xfrm>
          <a:off x="16370300" y="13267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2782</xdr:rowOff>
    </xdr:from>
    <xdr:to>
      <xdr:col>85</xdr:col>
      <xdr:colOff>177800</xdr:colOff>
      <xdr:row>78</xdr:row>
      <xdr:rowOff>144382</xdr:rowOff>
    </xdr:to>
    <xdr:sp macro="" textlink="">
      <xdr:nvSpPr>
        <xdr:cNvPr id="624" name="フローチャート: 判断 623">
          <a:extLst>
            <a:ext uri="{FF2B5EF4-FFF2-40B4-BE49-F238E27FC236}">
              <a16:creationId xmlns:a16="http://schemas.microsoft.com/office/drawing/2014/main" id="{00000000-0008-0000-0700-000070020000}"/>
            </a:ext>
          </a:extLst>
        </xdr:cNvPr>
        <xdr:cNvSpPr/>
      </xdr:nvSpPr>
      <xdr:spPr>
        <a:xfrm>
          <a:off x="16268700" y="13415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9065</xdr:rowOff>
    </xdr:from>
    <xdr:to>
      <xdr:col>81</xdr:col>
      <xdr:colOff>50800</xdr:colOff>
      <xdr:row>78</xdr:row>
      <xdr:rowOff>134159</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4592300" y="13502165"/>
          <a:ext cx="889000" cy="5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28728</xdr:rowOff>
    </xdr:from>
    <xdr:to>
      <xdr:col>81</xdr:col>
      <xdr:colOff>101600</xdr:colOff>
      <xdr:row>78</xdr:row>
      <xdr:rowOff>130328</xdr:rowOff>
    </xdr:to>
    <xdr:sp macro="" textlink="">
      <xdr:nvSpPr>
        <xdr:cNvPr id="626" name="フローチャート: 判断 625">
          <a:extLst>
            <a:ext uri="{FF2B5EF4-FFF2-40B4-BE49-F238E27FC236}">
              <a16:creationId xmlns:a16="http://schemas.microsoft.com/office/drawing/2014/main" id="{00000000-0008-0000-0700-000072020000}"/>
            </a:ext>
          </a:extLst>
        </xdr:cNvPr>
        <xdr:cNvSpPr/>
      </xdr:nvSpPr>
      <xdr:spPr>
        <a:xfrm>
          <a:off x="15430500" y="13401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46855</xdr:rowOff>
    </xdr:from>
    <xdr:ext cx="534377"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5214111" y="13177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29065</xdr:rowOff>
    </xdr:from>
    <xdr:to>
      <xdr:col>76</xdr:col>
      <xdr:colOff>114300</xdr:colOff>
      <xdr:row>78</xdr:row>
      <xdr:rowOff>138182</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flipV="1">
          <a:off x="13703300" y="13502165"/>
          <a:ext cx="889000" cy="9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1014</xdr:rowOff>
    </xdr:from>
    <xdr:to>
      <xdr:col>76</xdr:col>
      <xdr:colOff>165100</xdr:colOff>
      <xdr:row>78</xdr:row>
      <xdr:rowOff>132614</xdr:rowOff>
    </xdr:to>
    <xdr:sp macro="" textlink="">
      <xdr:nvSpPr>
        <xdr:cNvPr id="629" name="フローチャート: 判断 628">
          <a:extLst>
            <a:ext uri="{FF2B5EF4-FFF2-40B4-BE49-F238E27FC236}">
              <a16:creationId xmlns:a16="http://schemas.microsoft.com/office/drawing/2014/main" id="{00000000-0008-0000-0700-000075020000}"/>
            </a:ext>
          </a:extLst>
        </xdr:cNvPr>
        <xdr:cNvSpPr/>
      </xdr:nvSpPr>
      <xdr:spPr>
        <a:xfrm>
          <a:off x="14541500" y="13404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49141</xdr:rowOff>
    </xdr:from>
    <xdr:ext cx="534377"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4325111" y="13179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8182</xdr:rowOff>
    </xdr:from>
    <xdr:to>
      <xdr:col>71</xdr:col>
      <xdr:colOff>177800</xdr:colOff>
      <xdr:row>78</xdr:row>
      <xdr:rowOff>1397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flipV="1">
          <a:off x="12814300" y="13511282"/>
          <a:ext cx="889000" cy="1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1152</xdr:rowOff>
    </xdr:from>
    <xdr:to>
      <xdr:col>72</xdr:col>
      <xdr:colOff>38100</xdr:colOff>
      <xdr:row>78</xdr:row>
      <xdr:rowOff>132752</xdr:rowOff>
    </xdr:to>
    <xdr:sp macro="" textlink="">
      <xdr:nvSpPr>
        <xdr:cNvPr id="632" name="フローチャート: 判断 631">
          <a:extLst>
            <a:ext uri="{FF2B5EF4-FFF2-40B4-BE49-F238E27FC236}">
              <a16:creationId xmlns:a16="http://schemas.microsoft.com/office/drawing/2014/main" id="{00000000-0008-0000-0700-000078020000}"/>
            </a:ext>
          </a:extLst>
        </xdr:cNvPr>
        <xdr:cNvSpPr/>
      </xdr:nvSpPr>
      <xdr:spPr>
        <a:xfrm>
          <a:off x="13652500" y="13404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49279</xdr:rowOff>
    </xdr:from>
    <xdr:ext cx="534377"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3436111" y="13179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39198</xdr:rowOff>
    </xdr:from>
    <xdr:to>
      <xdr:col>67</xdr:col>
      <xdr:colOff>101600</xdr:colOff>
      <xdr:row>78</xdr:row>
      <xdr:rowOff>140798</xdr:rowOff>
    </xdr:to>
    <xdr:sp macro="" textlink="">
      <xdr:nvSpPr>
        <xdr:cNvPr id="634" name="フローチャート: 判断 633">
          <a:extLst>
            <a:ext uri="{FF2B5EF4-FFF2-40B4-BE49-F238E27FC236}">
              <a16:creationId xmlns:a16="http://schemas.microsoft.com/office/drawing/2014/main" id="{00000000-0008-0000-0700-00007A020000}"/>
            </a:ext>
          </a:extLst>
        </xdr:cNvPr>
        <xdr:cNvSpPr/>
      </xdr:nvSpPr>
      <xdr:spPr>
        <a:xfrm>
          <a:off x="12763500" y="13412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57325</xdr:rowOff>
    </xdr:from>
    <xdr:ext cx="534377" cy="259045"/>
    <xdr:sp macro="" textlink="">
      <xdr:nvSpPr>
        <xdr:cNvPr id="635" name="テキスト ボックス 634">
          <a:extLst>
            <a:ext uri="{FF2B5EF4-FFF2-40B4-BE49-F238E27FC236}">
              <a16:creationId xmlns:a16="http://schemas.microsoft.com/office/drawing/2014/main" id="{00000000-0008-0000-0700-00007B020000}"/>
            </a:ext>
          </a:extLst>
        </xdr:cNvPr>
        <xdr:cNvSpPr txBox="1"/>
      </xdr:nvSpPr>
      <xdr:spPr>
        <a:xfrm>
          <a:off x="12547111" y="13187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3027</xdr:rowOff>
    </xdr:from>
    <xdr:to>
      <xdr:col>85</xdr:col>
      <xdr:colOff>177800</xdr:colOff>
      <xdr:row>79</xdr:row>
      <xdr:rowOff>3177</xdr:rowOff>
    </xdr:to>
    <xdr:sp macro="" textlink="">
      <xdr:nvSpPr>
        <xdr:cNvPr id="641" name="楕円 640">
          <a:extLst>
            <a:ext uri="{FF2B5EF4-FFF2-40B4-BE49-F238E27FC236}">
              <a16:creationId xmlns:a16="http://schemas.microsoft.com/office/drawing/2014/main" id="{00000000-0008-0000-0700-000081020000}"/>
            </a:ext>
          </a:extLst>
        </xdr:cNvPr>
        <xdr:cNvSpPr/>
      </xdr:nvSpPr>
      <xdr:spPr>
        <a:xfrm>
          <a:off x="16268700" y="13446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1210</xdr:rowOff>
    </xdr:from>
    <xdr:ext cx="469744" cy="259045"/>
    <xdr:sp macro="" textlink="">
      <xdr:nvSpPr>
        <xdr:cNvPr id="642" name="災害復旧費該当値テキスト">
          <a:extLst>
            <a:ext uri="{FF2B5EF4-FFF2-40B4-BE49-F238E27FC236}">
              <a16:creationId xmlns:a16="http://schemas.microsoft.com/office/drawing/2014/main" id="{00000000-0008-0000-0700-000082020000}"/>
            </a:ext>
          </a:extLst>
        </xdr:cNvPr>
        <xdr:cNvSpPr txBox="1"/>
      </xdr:nvSpPr>
      <xdr:spPr>
        <a:xfrm>
          <a:off x="16370300" y="13394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3359</xdr:rowOff>
    </xdr:from>
    <xdr:to>
      <xdr:col>81</xdr:col>
      <xdr:colOff>101600</xdr:colOff>
      <xdr:row>79</xdr:row>
      <xdr:rowOff>13509</xdr:rowOff>
    </xdr:to>
    <xdr:sp macro="" textlink="">
      <xdr:nvSpPr>
        <xdr:cNvPr id="643" name="楕円 642">
          <a:extLst>
            <a:ext uri="{FF2B5EF4-FFF2-40B4-BE49-F238E27FC236}">
              <a16:creationId xmlns:a16="http://schemas.microsoft.com/office/drawing/2014/main" id="{00000000-0008-0000-0700-000083020000}"/>
            </a:ext>
          </a:extLst>
        </xdr:cNvPr>
        <xdr:cNvSpPr/>
      </xdr:nvSpPr>
      <xdr:spPr>
        <a:xfrm>
          <a:off x="15430500" y="13456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4636</xdr:rowOff>
    </xdr:from>
    <xdr:ext cx="469744"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5246428" y="135491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78265</xdr:rowOff>
    </xdr:from>
    <xdr:to>
      <xdr:col>76</xdr:col>
      <xdr:colOff>165100</xdr:colOff>
      <xdr:row>79</xdr:row>
      <xdr:rowOff>8415</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4541500" y="13451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170992</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4357428" y="135440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7382</xdr:rowOff>
    </xdr:from>
    <xdr:to>
      <xdr:col>72</xdr:col>
      <xdr:colOff>38100</xdr:colOff>
      <xdr:row>79</xdr:row>
      <xdr:rowOff>17532</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3652500" y="13460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8659</xdr:rowOff>
    </xdr:from>
    <xdr:ext cx="378565"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3514017" y="135532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49" name="楕円 648">
          <a:extLst>
            <a:ext uri="{FF2B5EF4-FFF2-40B4-BE49-F238E27FC236}">
              <a16:creationId xmlns:a16="http://schemas.microsoft.com/office/drawing/2014/main" id="{00000000-0008-0000-0700-000089020000}"/>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a:extLst>
            <a:ext uri="{FF2B5EF4-FFF2-40B4-BE49-F238E27FC236}">
              <a16:creationId xmlns:a16="http://schemas.microsoft.com/office/drawing/2014/main" id="{00000000-0008-0000-0700-00008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a:extLst>
            <a:ext uri="{FF2B5EF4-FFF2-40B4-BE49-F238E27FC236}">
              <a16:creationId xmlns:a16="http://schemas.microsoft.com/office/drawing/2014/main" id="{00000000-0008-0000-0700-00008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a:extLst>
            <a:ext uri="{FF2B5EF4-FFF2-40B4-BE49-F238E27FC236}">
              <a16:creationId xmlns:a16="http://schemas.microsoft.com/office/drawing/2014/main" id="{00000000-0008-0000-0700-00008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700-00008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a:extLst>
            <a:ext uri="{FF2B5EF4-FFF2-40B4-BE49-F238E27FC236}">
              <a16:creationId xmlns:a16="http://schemas.microsoft.com/office/drawing/2014/main" id="{00000000-0008-0000-0700-00009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1" name="直線コネクタ 660">
          <a:extLst>
            <a:ext uri="{FF2B5EF4-FFF2-40B4-BE49-F238E27FC236}">
              <a16:creationId xmlns:a16="http://schemas.microsoft.com/office/drawing/2014/main" id="{00000000-0008-0000-0700-000095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3" name="直線コネクタ 662">
          <a:extLst>
            <a:ext uri="{FF2B5EF4-FFF2-40B4-BE49-F238E27FC236}">
              <a16:creationId xmlns:a16="http://schemas.microsoft.com/office/drawing/2014/main" id="{00000000-0008-0000-0700-000097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公債費グラフ枠">
          <a:extLst>
            <a:ext uri="{FF2B5EF4-FFF2-40B4-BE49-F238E27FC236}">
              <a16:creationId xmlns:a16="http://schemas.microsoft.com/office/drawing/2014/main" id="{00000000-0008-0000-0700-00009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722</xdr:rowOff>
    </xdr:from>
    <xdr:to>
      <xdr:col>85</xdr:col>
      <xdr:colOff>126364</xdr:colOff>
      <xdr:row>98</xdr:row>
      <xdr:rowOff>109237</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flipV="1">
          <a:off x="16317595" y="15604672"/>
          <a:ext cx="1269" cy="13066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13064</xdr:rowOff>
    </xdr:from>
    <xdr:ext cx="469744" cy="259045"/>
    <xdr:sp macro="" textlink="">
      <xdr:nvSpPr>
        <xdr:cNvPr id="673" name="公債費最小値テキスト">
          <a:extLst>
            <a:ext uri="{FF2B5EF4-FFF2-40B4-BE49-F238E27FC236}">
              <a16:creationId xmlns:a16="http://schemas.microsoft.com/office/drawing/2014/main" id="{00000000-0008-0000-0700-0000A1020000}"/>
            </a:ext>
          </a:extLst>
        </xdr:cNvPr>
        <xdr:cNvSpPr txBox="1"/>
      </xdr:nvSpPr>
      <xdr:spPr>
        <a:xfrm>
          <a:off x="16370300" y="16915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9237</xdr:rowOff>
    </xdr:from>
    <xdr:to>
      <xdr:col>86</xdr:col>
      <xdr:colOff>25400</xdr:colOff>
      <xdr:row>98</xdr:row>
      <xdr:rowOff>109237</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6230600" y="16911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20849</xdr:rowOff>
    </xdr:from>
    <xdr:ext cx="599010" cy="259045"/>
    <xdr:sp macro="" textlink="">
      <xdr:nvSpPr>
        <xdr:cNvPr id="675" name="公債費最大値テキスト">
          <a:extLst>
            <a:ext uri="{FF2B5EF4-FFF2-40B4-BE49-F238E27FC236}">
              <a16:creationId xmlns:a16="http://schemas.microsoft.com/office/drawing/2014/main" id="{00000000-0008-0000-0700-0000A3020000}"/>
            </a:ext>
          </a:extLst>
        </xdr:cNvPr>
        <xdr:cNvSpPr txBox="1"/>
      </xdr:nvSpPr>
      <xdr:spPr>
        <a:xfrm>
          <a:off x="16370300" y="153798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46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2722</xdr:rowOff>
    </xdr:from>
    <xdr:to>
      <xdr:col>86</xdr:col>
      <xdr:colOff>25400</xdr:colOff>
      <xdr:row>91</xdr:row>
      <xdr:rowOff>2722</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6230600" y="15604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58826</xdr:rowOff>
    </xdr:from>
    <xdr:to>
      <xdr:col>85</xdr:col>
      <xdr:colOff>127000</xdr:colOff>
      <xdr:row>97</xdr:row>
      <xdr:rowOff>79271</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flipV="1">
          <a:off x="15481300" y="16689476"/>
          <a:ext cx="838200" cy="20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0948</xdr:rowOff>
    </xdr:from>
    <xdr:ext cx="534377" cy="259045"/>
    <xdr:sp macro="" textlink="">
      <xdr:nvSpPr>
        <xdr:cNvPr id="678" name="公債費平均値テキスト">
          <a:extLst>
            <a:ext uri="{FF2B5EF4-FFF2-40B4-BE49-F238E27FC236}">
              <a16:creationId xmlns:a16="http://schemas.microsoft.com/office/drawing/2014/main" id="{00000000-0008-0000-0700-0000A6020000}"/>
            </a:ext>
          </a:extLst>
        </xdr:cNvPr>
        <xdr:cNvSpPr txBox="1"/>
      </xdr:nvSpPr>
      <xdr:spPr>
        <a:xfrm>
          <a:off x="16370300" y="163586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8071</xdr:rowOff>
    </xdr:from>
    <xdr:to>
      <xdr:col>85</xdr:col>
      <xdr:colOff>177800</xdr:colOff>
      <xdr:row>96</xdr:row>
      <xdr:rowOff>149671</xdr:rowOff>
    </xdr:to>
    <xdr:sp macro="" textlink="">
      <xdr:nvSpPr>
        <xdr:cNvPr id="679" name="フローチャート: 判断 678">
          <a:extLst>
            <a:ext uri="{FF2B5EF4-FFF2-40B4-BE49-F238E27FC236}">
              <a16:creationId xmlns:a16="http://schemas.microsoft.com/office/drawing/2014/main" id="{00000000-0008-0000-0700-0000A7020000}"/>
            </a:ext>
          </a:extLst>
        </xdr:cNvPr>
        <xdr:cNvSpPr/>
      </xdr:nvSpPr>
      <xdr:spPr>
        <a:xfrm>
          <a:off x="16268700" y="16507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79271</xdr:rowOff>
    </xdr:from>
    <xdr:to>
      <xdr:col>81</xdr:col>
      <xdr:colOff>50800</xdr:colOff>
      <xdr:row>97</xdr:row>
      <xdr:rowOff>10428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flipV="1">
          <a:off x="14592300" y="16709921"/>
          <a:ext cx="889000" cy="25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99923</xdr:rowOff>
    </xdr:from>
    <xdr:to>
      <xdr:col>81</xdr:col>
      <xdr:colOff>101600</xdr:colOff>
      <xdr:row>97</xdr:row>
      <xdr:rowOff>30073</xdr:rowOff>
    </xdr:to>
    <xdr:sp macro="" textlink="">
      <xdr:nvSpPr>
        <xdr:cNvPr id="681" name="フローチャート: 判断 680">
          <a:extLst>
            <a:ext uri="{FF2B5EF4-FFF2-40B4-BE49-F238E27FC236}">
              <a16:creationId xmlns:a16="http://schemas.microsoft.com/office/drawing/2014/main" id="{00000000-0008-0000-0700-0000A9020000}"/>
            </a:ext>
          </a:extLst>
        </xdr:cNvPr>
        <xdr:cNvSpPr/>
      </xdr:nvSpPr>
      <xdr:spPr>
        <a:xfrm>
          <a:off x="15430500" y="16559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6600</xdr:rowOff>
    </xdr:from>
    <xdr:ext cx="534377"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5214111" y="16334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04280</xdr:rowOff>
    </xdr:from>
    <xdr:to>
      <xdr:col>76</xdr:col>
      <xdr:colOff>114300</xdr:colOff>
      <xdr:row>97</xdr:row>
      <xdr:rowOff>125893</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3703300" y="16734930"/>
          <a:ext cx="889000" cy="21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4377</xdr:rowOff>
    </xdr:from>
    <xdr:to>
      <xdr:col>76</xdr:col>
      <xdr:colOff>165100</xdr:colOff>
      <xdr:row>97</xdr:row>
      <xdr:rowOff>34527</xdr:rowOff>
    </xdr:to>
    <xdr:sp macro="" textlink="">
      <xdr:nvSpPr>
        <xdr:cNvPr id="684" name="フローチャート: 判断 683">
          <a:extLst>
            <a:ext uri="{FF2B5EF4-FFF2-40B4-BE49-F238E27FC236}">
              <a16:creationId xmlns:a16="http://schemas.microsoft.com/office/drawing/2014/main" id="{00000000-0008-0000-0700-0000AC020000}"/>
            </a:ext>
          </a:extLst>
        </xdr:cNvPr>
        <xdr:cNvSpPr/>
      </xdr:nvSpPr>
      <xdr:spPr>
        <a:xfrm>
          <a:off x="14541500" y="16563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1054</xdr:rowOff>
    </xdr:from>
    <xdr:ext cx="534377" cy="259045"/>
    <xdr:sp macro="" textlink="">
      <xdr:nvSpPr>
        <xdr:cNvPr id="685" name="テキスト ボックス 684">
          <a:extLst>
            <a:ext uri="{FF2B5EF4-FFF2-40B4-BE49-F238E27FC236}">
              <a16:creationId xmlns:a16="http://schemas.microsoft.com/office/drawing/2014/main" id="{00000000-0008-0000-0700-0000AD020000}"/>
            </a:ext>
          </a:extLst>
        </xdr:cNvPr>
        <xdr:cNvSpPr txBox="1"/>
      </xdr:nvSpPr>
      <xdr:spPr>
        <a:xfrm>
          <a:off x="14325111" y="16338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25893</xdr:rowOff>
    </xdr:from>
    <xdr:to>
      <xdr:col>71</xdr:col>
      <xdr:colOff>177800</xdr:colOff>
      <xdr:row>97</xdr:row>
      <xdr:rowOff>145662</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2814300" y="16756543"/>
          <a:ext cx="889000" cy="19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88872</xdr:rowOff>
    </xdr:from>
    <xdr:to>
      <xdr:col>72</xdr:col>
      <xdr:colOff>38100</xdr:colOff>
      <xdr:row>97</xdr:row>
      <xdr:rowOff>19022</xdr:rowOff>
    </xdr:to>
    <xdr:sp macro="" textlink="">
      <xdr:nvSpPr>
        <xdr:cNvPr id="687" name="フローチャート: 判断 686">
          <a:extLst>
            <a:ext uri="{FF2B5EF4-FFF2-40B4-BE49-F238E27FC236}">
              <a16:creationId xmlns:a16="http://schemas.microsoft.com/office/drawing/2014/main" id="{00000000-0008-0000-0700-0000AF020000}"/>
            </a:ext>
          </a:extLst>
        </xdr:cNvPr>
        <xdr:cNvSpPr/>
      </xdr:nvSpPr>
      <xdr:spPr>
        <a:xfrm>
          <a:off x="13652500" y="16548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35549</xdr:rowOff>
    </xdr:from>
    <xdr:ext cx="534377"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3436111" y="16323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88081</xdr:rowOff>
    </xdr:from>
    <xdr:to>
      <xdr:col>67</xdr:col>
      <xdr:colOff>101600</xdr:colOff>
      <xdr:row>97</xdr:row>
      <xdr:rowOff>18231</xdr:rowOff>
    </xdr:to>
    <xdr:sp macro="" textlink="">
      <xdr:nvSpPr>
        <xdr:cNvPr id="689" name="フローチャート: 判断 688">
          <a:extLst>
            <a:ext uri="{FF2B5EF4-FFF2-40B4-BE49-F238E27FC236}">
              <a16:creationId xmlns:a16="http://schemas.microsoft.com/office/drawing/2014/main" id="{00000000-0008-0000-0700-0000B1020000}"/>
            </a:ext>
          </a:extLst>
        </xdr:cNvPr>
        <xdr:cNvSpPr/>
      </xdr:nvSpPr>
      <xdr:spPr>
        <a:xfrm>
          <a:off x="12763500" y="16547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34758</xdr:rowOff>
    </xdr:from>
    <xdr:ext cx="534377"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2547111" y="16322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026</xdr:rowOff>
    </xdr:from>
    <xdr:to>
      <xdr:col>85</xdr:col>
      <xdr:colOff>177800</xdr:colOff>
      <xdr:row>97</xdr:row>
      <xdr:rowOff>109626</xdr:rowOff>
    </xdr:to>
    <xdr:sp macro="" textlink="">
      <xdr:nvSpPr>
        <xdr:cNvPr id="696" name="楕円 695">
          <a:extLst>
            <a:ext uri="{FF2B5EF4-FFF2-40B4-BE49-F238E27FC236}">
              <a16:creationId xmlns:a16="http://schemas.microsoft.com/office/drawing/2014/main" id="{00000000-0008-0000-0700-0000B8020000}"/>
            </a:ext>
          </a:extLst>
        </xdr:cNvPr>
        <xdr:cNvSpPr/>
      </xdr:nvSpPr>
      <xdr:spPr>
        <a:xfrm>
          <a:off x="16268700" y="16638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57903</xdr:rowOff>
    </xdr:from>
    <xdr:ext cx="534377" cy="259045"/>
    <xdr:sp macro="" textlink="">
      <xdr:nvSpPr>
        <xdr:cNvPr id="697" name="公債費該当値テキスト">
          <a:extLst>
            <a:ext uri="{FF2B5EF4-FFF2-40B4-BE49-F238E27FC236}">
              <a16:creationId xmlns:a16="http://schemas.microsoft.com/office/drawing/2014/main" id="{00000000-0008-0000-0700-0000B9020000}"/>
            </a:ext>
          </a:extLst>
        </xdr:cNvPr>
        <xdr:cNvSpPr txBox="1"/>
      </xdr:nvSpPr>
      <xdr:spPr>
        <a:xfrm>
          <a:off x="16370300" y="16617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28471</xdr:rowOff>
    </xdr:from>
    <xdr:to>
      <xdr:col>81</xdr:col>
      <xdr:colOff>101600</xdr:colOff>
      <xdr:row>97</xdr:row>
      <xdr:rowOff>130071</xdr:rowOff>
    </xdr:to>
    <xdr:sp macro="" textlink="">
      <xdr:nvSpPr>
        <xdr:cNvPr id="698" name="楕円 697">
          <a:extLst>
            <a:ext uri="{FF2B5EF4-FFF2-40B4-BE49-F238E27FC236}">
              <a16:creationId xmlns:a16="http://schemas.microsoft.com/office/drawing/2014/main" id="{00000000-0008-0000-0700-0000BA020000}"/>
            </a:ext>
          </a:extLst>
        </xdr:cNvPr>
        <xdr:cNvSpPr/>
      </xdr:nvSpPr>
      <xdr:spPr>
        <a:xfrm>
          <a:off x="15430500" y="16659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1198</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5214111" y="16751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53480</xdr:rowOff>
    </xdr:from>
    <xdr:to>
      <xdr:col>76</xdr:col>
      <xdr:colOff>165100</xdr:colOff>
      <xdr:row>97</xdr:row>
      <xdr:rowOff>155080</xdr:rowOff>
    </xdr:to>
    <xdr:sp macro="" textlink="">
      <xdr:nvSpPr>
        <xdr:cNvPr id="700" name="楕円 699">
          <a:extLst>
            <a:ext uri="{FF2B5EF4-FFF2-40B4-BE49-F238E27FC236}">
              <a16:creationId xmlns:a16="http://schemas.microsoft.com/office/drawing/2014/main" id="{00000000-0008-0000-0700-0000BC020000}"/>
            </a:ext>
          </a:extLst>
        </xdr:cNvPr>
        <xdr:cNvSpPr/>
      </xdr:nvSpPr>
      <xdr:spPr>
        <a:xfrm>
          <a:off x="14541500" y="16684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46207</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4325111" y="16776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75093</xdr:rowOff>
    </xdr:from>
    <xdr:to>
      <xdr:col>72</xdr:col>
      <xdr:colOff>38100</xdr:colOff>
      <xdr:row>98</xdr:row>
      <xdr:rowOff>5243</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3652500" y="167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67820</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3436111" y="16798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4862</xdr:rowOff>
    </xdr:from>
    <xdr:to>
      <xdr:col>67</xdr:col>
      <xdr:colOff>101600</xdr:colOff>
      <xdr:row>98</xdr:row>
      <xdr:rowOff>25012</xdr:rowOff>
    </xdr:to>
    <xdr:sp macro="" textlink="">
      <xdr:nvSpPr>
        <xdr:cNvPr id="704" name="楕円 703">
          <a:extLst>
            <a:ext uri="{FF2B5EF4-FFF2-40B4-BE49-F238E27FC236}">
              <a16:creationId xmlns:a16="http://schemas.microsoft.com/office/drawing/2014/main" id="{00000000-0008-0000-0700-0000C0020000}"/>
            </a:ext>
          </a:extLst>
        </xdr:cNvPr>
        <xdr:cNvSpPr/>
      </xdr:nvSpPr>
      <xdr:spPr>
        <a:xfrm>
          <a:off x="12763500" y="16725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6139</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2547111" y="1681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a:extLst>
            <a:ext uri="{FF2B5EF4-FFF2-40B4-BE49-F238E27FC236}">
              <a16:creationId xmlns:a16="http://schemas.microsoft.com/office/drawing/2014/main" id="{00000000-0008-0000-0700-0000C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a:extLst>
            <a:ext uri="{FF2B5EF4-FFF2-40B4-BE49-F238E27FC236}">
              <a16:creationId xmlns:a16="http://schemas.microsoft.com/office/drawing/2014/main" id="{00000000-0008-0000-0700-0000C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a:extLst>
            <a:ext uri="{FF2B5EF4-FFF2-40B4-BE49-F238E27FC236}">
              <a16:creationId xmlns:a16="http://schemas.microsoft.com/office/drawing/2014/main" id="{00000000-0008-0000-0700-0000C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700-0000C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a:extLst>
            <a:ext uri="{FF2B5EF4-FFF2-40B4-BE49-F238E27FC236}">
              <a16:creationId xmlns:a16="http://schemas.microsoft.com/office/drawing/2014/main" id="{00000000-0008-0000-0700-0000C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a:extLst>
            <a:ext uri="{FF2B5EF4-FFF2-40B4-BE49-F238E27FC236}">
              <a16:creationId xmlns:a16="http://schemas.microsoft.com/office/drawing/2014/main" id="{00000000-0008-0000-0700-0000C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a:extLst>
            <a:ext uri="{FF2B5EF4-FFF2-40B4-BE49-F238E27FC236}">
              <a16:creationId xmlns:a16="http://schemas.microsoft.com/office/drawing/2014/main" id="{00000000-0008-0000-0700-0000C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6" name="直線コネクタ 715">
          <a:extLst>
            <a:ext uri="{FF2B5EF4-FFF2-40B4-BE49-F238E27FC236}">
              <a16:creationId xmlns:a16="http://schemas.microsoft.com/office/drawing/2014/main" id="{00000000-0008-0000-0700-0000CC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8" name="直線コネクタ 717">
          <a:extLst>
            <a:ext uri="{FF2B5EF4-FFF2-40B4-BE49-F238E27FC236}">
              <a16:creationId xmlns:a16="http://schemas.microsoft.com/office/drawing/2014/main" id="{00000000-0008-0000-0700-0000CE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0" name="直線コネクタ 719">
          <a:extLst>
            <a:ext uri="{FF2B5EF4-FFF2-40B4-BE49-F238E27FC236}">
              <a16:creationId xmlns:a16="http://schemas.microsoft.com/office/drawing/2014/main" id="{00000000-0008-0000-0700-0000D0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諸支出金グラフ枠">
          <a:extLst>
            <a:ext uri="{FF2B5EF4-FFF2-40B4-BE49-F238E27FC236}">
              <a16:creationId xmlns:a16="http://schemas.microsoft.com/office/drawing/2014/main" id="{00000000-0008-0000-0700-0000D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2751</xdr:rowOff>
    </xdr:from>
    <xdr:to>
      <xdr:col>116</xdr:col>
      <xdr:colOff>62864</xdr:colOff>
      <xdr:row>39</xdr:row>
      <xdr:rowOff>444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flipV="1">
          <a:off x="22159595" y="5327701"/>
          <a:ext cx="1269" cy="14032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709</xdr:rowOff>
    </xdr:from>
    <xdr:ext cx="249299" cy="259045"/>
    <xdr:sp macro="" textlink="">
      <xdr:nvSpPr>
        <xdr:cNvPr id="730" name="諸支出金最小値テキスト">
          <a:extLst>
            <a:ext uri="{FF2B5EF4-FFF2-40B4-BE49-F238E27FC236}">
              <a16:creationId xmlns:a16="http://schemas.microsoft.com/office/drawing/2014/main" id="{00000000-0008-0000-0700-0000DA020000}"/>
            </a:ext>
          </a:extLst>
        </xdr:cNvPr>
        <xdr:cNvSpPr txBox="1"/>
      </xdr:nvSpPr>
      <xdr:spPr>
        <a:xfrm>
          <a:off x="22212300" y="673525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0878</xdr:rowOff>
    </xdr:from>
    <xdr:ext cx="534377" cy="259045"/>
    <xdr:sp macro="" textlink="">
      <xdr:nvSpPr>
        <xdr:cNvPr id="732" name="諸支出金最大値テキスト">
          <a:extLst>
            <a:ext uri="{FF2B5EF4-FFF2-40B4-BE49-F238E27FC236}">
              <a16:creationId xmlns:a16="http://schemas.microsoft.com/office/drawing/2014/main" id="{00000000-0008-0000-0700-0000DC020000}"/>
            </a:ext>
          </a:extLst>
        </xdr:cNvPr>
        <xdr:cNvSpPr txBox="1"/>
      </xdr:nvSpPr>
      <xdr:spPr>
        <a:xfrm>
          <a:off x="22212300" y="5102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41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2751</xdr:rowOff>
    </xdr:from>
    <xdr:to>
      <xdr:col>116</xdr:col>
      <xdr:colOff>152400</xdr:colOff>
      <xdr:row>31</xdr:row>
      <xdr:rowOff>12751</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22072600" y="5327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7609</xdr:rowOff>
    </xdr:from>
    <xdr:ext cx="378565" cy="259045"/>
    <xdr:sp macro="" textlink="">
      <xdr:nvSpPr>
        <xdr:cNvPr id="735" name="諸支出金平均値テキスト">
          <a:extLst>
            <a:ext uri="{FF2B5EF4-FFF2-40B4-BE49-F238E27FC236}">
              <a16:creationId xmlns:a16="http://schemas.microsoft.com/office/drawing/2014/main" id="{00000000-0008-0000-0700-0000DF020000}"/>
            </a:ext>
          </a:extLst>
        </xdr:cNvPr>
        <xdr:cNvSpPr txBox="1"/>
      </xdr:nvSpPr>
      <xdr:spPr>
        <a:xfrm>
          <a:off x="22212300" y="648125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4732</xdr:rowOff>
    </xdr:from>
    <xdr:to>
      <xdr:col>116</xdr:col>
      <xdr:colOff>114300</xdr:colOff>
      <xdr:row>39</xdr:row>
      <xdr:rowOff>44882</xdr:rowOff>
    </xdr:to>
    <xdr:sp macro="" textlink="">
      <xdr:nvSpPr>
        <xdr:cNvPr id="736" name="フローチャート: 判断 735">
          <a:extLst>
            <a:ext uri="{FF2B5EF4-FFF2-40B4-BE49-F238E27FC236}">
              <a16:creationId xmlns:a16="http://schemas.microsoft.com/office/drawing/2014/main" id="{00000000-0008-0000-0700-0000E0020000}"/>
            </a:ext>
          </a:extLst>
        </xdr:cNvPr>
        <xdr:cNvSpPr/>
      </xdr:nvSpPr>
      <xdr:spPr>
        <a:xfrm>
          <a:off x="22110700" y="6629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40106</xdr:rowOff>
    </xdr:from>
    <xdr:to>
      <xdr:col>112</xdr:col>
      <xdr:colOff>38100</xdr:colOff>
      <xdr:row>39</xdr:row>
      <xdr:rowOff>70256</xdr:rowOff>
    </xdr:to>
    <xdr:sp macro="" textlink="">
      <xdr:nvSpPr>
        <xdr:cNvPr id="738" name="フローチャート: 判断 737">
          <a:extLst>
            <a:ext uri="{FF2B5EF4-FFF2-40B4-BE49-F238E27FC236}">
              <a16:creationId xmlns:a16="http://schemas.microsoft.com/office/drawing/2014/main" id="{00000000-0008-0000-0700-0000E2020000}"/>
            </a:ext>
          </a:extLst>
        </xdr:cNvPr>
        <xdr:cNvSpPr/>
      </xdr:nvSpPr>
      <xdr:spPr>
        <a:xfrm>
          <a:off x="21272500" y="6655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86784</xdr:rowOff>
    </xdr:from>
    <xdr:ext cx="378565"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21134017" y="6430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8964</xdr:rowOff>
    </xdr:from>
    <xdr:to>
      <xdr:col>107</xdr:col>
      <xdr:colOff>101600</xdr:colOff>
      <xdr:row>39</xdr:row>
      <xdr:rowOff>69114</xdr:rowOff>
    </xdr:to>
    <xdr:sp macro="" textlink="">
      <xdr:nvSpPr>
        <xdr:cNvPr id="741" name="フローチャート: 判断 740">
          <a:extLst>
            <a:ext uri="{FF2B5EF4-FFF2-40B4-BE49-F238E27FC236}">
              <a16:creationId xmlns:a16="http://schemas.microsoft.com/office/drawing/2014/main" id="{00000000-0008-0000-0700-0000E5020000}"/>
            </a:ext>
          </a:extLst>
        </xdr:cNvPr>
        <xdr:cNvSpPr/>
      </xdr:nvSpPr>
      <xdr:spPr>
        <a:xfrm>
          <a:off x="20383500" y="6654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85640</xdr:rowOff>
    </xdr:from>
    <xdr:ext cx="378565"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20245017" y="64292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37973</xdr:rowOff>
    </xdr:from>
    <xdr:to>
      <xdr:col>102</xdr:col>
      <xdr:colOff>165100</xdr:colOff>
      <xdr:row>39</xdr:row>
      <xdr:rowOff>68123</xdr:rowOff>
    </xdr:to>
    <xdr:sp macro="" textlink="">
      <xdr:nvSpPr>
        <xdr:cNvPr id="744" name="フローチャート: 判断 743">
          <a:extLst>
            <a:ext uri="{FF2B5EF4-FFF2-40B4-BE49-F238E27FC236}">
              <a16:creationId xmlns:a16="http://schemas.microsoft.com/office/drawing/2014/main" id="{00000000-0008-0000-0700-0000E8020000}"/>
            </a:ext>
          </a:extLst>
        </xdr:cNvPr>
        <xdr:cNvSpPr/>
      </xdr:nvSpPr>
      <xdr:spPr>
        <a:xfrm>
          <a:off x="19494500" y="6653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84650</xdr:rowOff>
    </xdr:from>
    <xdr:ext cx="378565"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9356017" y="64283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18618</xdr:rowOff>
    </xdr:from>
    <xdr:to>
      <xdr:col>98</xdr:col>
      <xdr:colOff>38100</xdr:colOff>
      <xdr:row>39</xdr:row>
      <xdr:rowOff>48768</xdr:rowOff>
    </xdr:to>
    <xdr:sp macro="" textlink="">
      <xdr:nvSpPr>
        <xdr:cNvPr id="746" name="フローチャート: 判断 745">
          <a:extLst>
            <a:ext uri="{FF2B5EF4-FFF2-40B4-BE49-F238E27FC236}">
              <a16:creationId xmlns:a16="http://schemas.microsoft.com/office/drawing/2014/main" id="{00000000-0008-0000-0700-0000EA020000}"/>
            </a:ext>
          </a:extLst>
        </xdr:cNvPr>
        <xdr:cNvSpPr/>
      </xdr:nvSpPr>
      <xdr:spPr>
        <a:xfrm>
          <a:off x="18605500" y="6633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65295</xdr:rowOff>
    </xdr:from>
    <xdr:ext cx="378565"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8467017" y="6408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3" name="楕円 752">
          <a:extLst>
            <a:ext uri="{FF2B5EF4-FFF2-40B4-BE49-F238E27FC236}">
              <a16:creationId xmlns:a16="http://schemas.microsoft.com/office/drawing/2014/main" id="{00000000-0008-0000-0700-0000F1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3159</xdr:rowOff>
    </xdr:from>
    <xdr:ext cx="249299" cy="259045"/>
    <xdr:sp macro="" textlink="">
      <xdr:nvSpPr>
        <xdr:cNvPr id="754" name="諸支出金該当値テキスト">
          <a:extLst>
            <a:ext uri="{FF2B5EF4-FFF2-40B4-BE49-F238E27FC236}">
              <a16:creationId xmlns:a16="http://schemas.microsoft.com/office/drawing/2014/main" id="{00000000-0008-0000-0700-0000F2020000}"/>
            </a:ext>
          </a:extLst>
        </xdr:cNvPr>
        <xdr:cNvSpPr txBox="1"/>
      </xdr:nvSpPr>
      <xdr:spPr>
        <a:xfrm>
          <a:off x="22212300" y="660825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5" name="楕円 754">
          <a:extLst>
            <a:ext uri="{FF2B5EF4-FFF2-40B4-BE49-F238E27FC236}">
              <a16:creationId xmlns:a16="http://schemas.microsoft.com/office/drawing/2014/main" id="{00000000-0008-0000-0700-0000F3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7" name="楕円 756">
          <a:extLst>
            <a:ext uri="{FF2B5EF4-FFF2-40B4-BE49-F238E27FC236}">
              <a16:creationId xmlns:a16="http://schemas.microsoft.com/office/drawing/2014/main" id="{00000000-0008-0000-0700-0000F5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9" name="楕円 758">
          <a:extLst>
            <a:ext uri="{FF2B5EF4-FFF2-40B4-BE49-F238E27FC236}">
              <a16:creationId xmlns:a16="http://schemas.microsoft.com/office/drawing/2014/main" id="{00000000-0008-0000-0700-0000F7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1" name="楕円 760">
          <a:extLst>
            <a:ext uri="{FF2B5EF4-FFF2-40B4-BE49-F238E27FC236}">
              <a16:creationId xmlns:a16="http://schemas.microsoft.com/office/drawing/2014/main" id="{00000000-0008-0000-0700-0000F9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a:extLst>
            <a:ext uri="{FF2B5EF4-FFF2-40B4-BE49-F238E27FC236}">
              <a16:creationId xmlns:a16="http://schemas.microsoft.com/office/drawing/2014/main" id="{00000000-0008-0000-0700-0000FB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a:extLst>
            <a:ext uri="{FF2B5EF4-FFF2-40B4-BE49-F238E27FC236}">
              <a16:creationId xmlns:a16="http://schemas.microsoft.com/office/drawing/2014/main" id="{00000000-0008-0000-0700-0000FC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a:extLst>
            <a:ext uri="{FF2B5EF4-FFF2-40B4-BE49-F238E27FC236}">
              <a16:creationId xmlns:a16="http://schemas.microsoft.com/office/drawing/2014/main" id="{00000000-0008-0000-0700-0000FD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a:extLst>
            <a:ext uri="{FF2B5EF4-FFF2-40B4-BE49-F238E27FC236}">
              <a16:creationId xmlns:a16="http://schemas.microsoft.com/office/drawing/2014/main" id="{00000000-0008-0000-0700-0000FE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a:extLst>
            <a:ext uri="{FF2B5EF4-FFF2-40B4-BE49-F238E27FC236}">
              <a16:creationId xmlns:a16="http://schemas.microsoft.com/office/drawing/2014/main" id="{00000000-0008-0000-0700-0000FF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a:extLst>
            <a:ext uri="{FF2B5EF4-FFF2-40B4-BE49-F238E27FC236}">
              <a16:creationId xmlns:a16="http://schemas.microsoft.com/office/drawing/2014/main" id="{00000000-0008-0000-0700-00000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a:extLst>
            <a:ext uri="{FF2B5EF4-FFF2-40B4-BE49-F238E27FC236}">
              <a16:creationId xmlns:a16="http://schemas.microsoft.com/office/drawing/2014/main" id="{00000000-0008-0000-0700-00000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a:extLst>
            <a:ext uri="{FF2B5EF4-FFF2-40B4-BE49-F238E27FC236}">
              <a16:creationId xmlns:a16="http://schemas.microsoft.com/office/drawing/2014/main" id="{00000000-0008-0000-0700-00000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3" name="直線コネクタ 772">
          <a:extLst>
            <a:ext uri="{FF2B5EF4-FFF2-40B4-BE49-F238E27FC236}">
              <a16:creationId xmlns:a16="http://schemas.microsoft.com/office/drawing/2014/main" id="{00000000-0008-0000-0700-00000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5" name="直線コネクタ 774">
          <a:extLst>
            <a:ext uri="{FF2B5EF4-FFF2-40B4-BE49-F238E27FC236}">
              <a16:creationId xmlns:a16="http://schemas.microsoft.com/office/drawing/2014/main" id="{00000000-0008-0000-0700-00000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7" name="前年度繰上充用金グラフ枠">
          <a:extLst>
            <a:ext uri="{FF2B5EF4-FFF2-40B4-BE49-F238E27FC236}">
              <a16:creationId xmlns:a16="http://schemas.microsoft.com/office/drawing/2014/main" id="{00000000-0008-0000-0700-00000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78" name="直線コネクタ 777">
          <a:extLst>
            <a:ext uri="{FF2B5EF4-FFF2-40B4-BE49-F238E27FC236}">
              <a16:creationId xmlns:a16="http://schemas.microsoft.com/office/drawing/2014/main" id="{00000000-0008-0000-0700-00000A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79" name="前年度繰上充用金最小値テキスト">
          <a:extLst>
            <a:ext uri="{FF2B5EF4-FFF2-40B4-BE49-F238E27FC236}">
              <a16:creationId xmlns:a16="http://schemas.microsoft.com/office/drawing/2014/main" id="{00000000-0008-0000-0700-00000B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0" name="直線コネクタ 779">
          <a:extLst>
            <a:ext uri="{FF2B5EF4-FFF2-40B4-BE49-F238E27FC236}">
              <a16:creationId xmlns:a16="http://schemas.microsoft.com/office/drawing/2014/main" id="{00000000-0008-0000-0700-00000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1" name="前年度繰上充用金最大値テキスト">
          <a:extLst>
            <a:ext uri="{FF2B5EF4-FFF2-40B4-BE49-F238E27FC236}">
              <a16:creationId xmlns:a16="http://schemas.microsoft.com/office/drawing/2014/main" id="{00000000-0008-0000-0700-00000D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3" name="直線コネクタ 782">
          <a:extLst>
            <a:ext uri="{FF2B5EF4-FFF2-40B4-BE49-F238E27FC236}">
              <a16:creationId xmlns:a16="http://schemas.microsoft.com/office/drawing/2014/main" id="{00000000-0008-0000-0700-00000F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4" name="前年度繰上充用金平均値テキスト">
          <a:extLst>
            <a:ext uri="{FF2B5EF4-FFF2-40B4-BE49-F238E27FC236}">
              <a16:creationId xmlns:a16="http://schemas.microsoft.com/office/drawing/2014/main" id="{00000000-0008-0000-0700-000010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85" name="フローチャート: 判断 784">
          <a:extLst>
            <a:ext uri="{FF2B5EF4-FFF2-40B4-BE49-F238E27FC236}">
              <a16:creationId xmlns:a16="http://schemas.microsoft.com/office/drawing/2014/main" id="{00000000-0008-0000-0700-000011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87" name="フローチャート: 判断 786">
          <a:extLst>
            <a:ext uri="{FF2B5EF4-FFF2-40B4-BE49-F238E27FC236}">
              <a16:creationId xmlns:a16="http://schemas.microsoft.com/office/drawing/2014/main" id="{00000000-0008-0000-0700-000013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88" name="テキスト ボックス 787">
          <a:extLst>
            <a:ext uri="{FF2B5EF4-FFF2-40B4-BE49-F238E27FC236}">
              <a16:creationId xmlns:a16="http://schemas.microsoft.com/office/drawing/2014/main" id="{00000000-0008-0000-0700-000014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0" name="フローチャート: 判断 789">
          <a:extLst>
            <a:ext uri="{FF2B5EF4-FFF2-40B4-BE49-F238E27FC236}">
              <a16:creationId xmlns:a16="http://schemas.microsoft.com/office/drawing/2014/main" id="{00000000-0008-0000-0700-000016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3" name="フローチャート: 判断 792">
          <a:extLst>
            <a:ext uri="{FF2B5EF4-FFF2-40B4-BE49-F238E27FC236}">
              <a16:creationId xmlns:a16="http://schemas.microsoft.com/office/drawing/2014/main" id="{00000000-0008-0000-0700-000019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795" name="フローチャート: 判断 794">
          <a:extLst>
            <a:ext uri="{FF2B5EF4-FFF2-40B4-BE49-F238E27FC236}">
              <a16:creationId xmlns:a16="http://schemas.microsoft.com/office/drawing/2014/main" id="{00000000-0008-0000-0700-00001B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8" name="テキスト ボックス 797">
          <a:extLst>
            <a:ext uri="{FF2B5EF4-FFF2-40B4-BE49-F238E27FC236}">
              <a16:creationId xmlns:a16="http://schemas.microsoft.com/office/drawing/2014/main" id="{00000000-0008-0000-0700-00001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2" name="楕円 801">
          <a:extLst>
            <a:ext uri="{FF2B5EF4-FFF2-40B4-BE49-F238E27FC236}">
              <a16:creationId xmlns:a16="http://schemas.microsoft.com/office/drawing/2014/main" id="{00000000-0008-0000-0700-000022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3" name="前年度繰上充用金該当値テキスト">
          <a:extLst>
            <a:ext uri="{FF2B5EF4-FFF2-40B4-BE49-F238E27FC236}">
              <a16:creationId xmlns:a16="http://schemas.microsoft.com/office/drawing/2014/main" id="{00000000-0008-0000-0700-000023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4" name="楕円 803">
          <a:extLst>
            <a:ext uri="{FF2B5EF4-FFF2-40B4-BE49-F238E27FC236}">
              <a16:creationId xmlns:a16="http://schemas.microsoft.com/office/drawing/2014/main" id="{00000000-0008-0000-0700-000024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06" name="楕円 805">
          <a:extLst>
            <a:ext uri="{FF2B5EF4-FFF2-40B4-BE49-F238E27FC236}">
              <a16:creationId xmlns:a16="http://schemas.microsoft.com/office/drawing/2014/main" id="{00000000-0008-0000-0700-000026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08" name="楕円 807">
          <a:extLst>
            <a:ext uri="{FF2B5EF4-FFF2-40B4-BE49-F238E27FC236}">
              <a16:creationId xmlns:a16="http://schemas.microsoft.com/office/drawing/2014/main" id="{00000000-0008-0000-0700-000028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0" name="楕円 809">
          <a:extLst>
            <a:ext uri="{FF2B5EF4-FFF2-40B4-BE49-F238E27FC236}">
              <a16:creationId xmlns:a16="http://schemas.microsoft.com/office/drawing/2014/main" id="{00000000-0008-0000-0700-00002A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2" name="正方形/長方形 811">
          <a:extLst>
            <a:ext uri="{FF2B5EF4-FFF2-40B4-BE49-F238E27FC236}">
              <a16:creationId xmlns:a16="http://schemas.microsoft.com/office/drawing/2014/main" id="{00000000-0008-0000-0700-00002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3" name="正方形/長方形 812">
          <a:extLst>
            <a:ext uri="{FF2B5EF4-FFF2-40B4-BE49-F238E27FC236}">
              <a16:creationId xmlns:a16="http://schemas.microsoft.com/office/drawing/2014/main" id="{00000000-0008-0000-0700-00002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議会費及び衛生費以外の項目は類似団体平均を下回っている。消防費については令和元年度に自立分散型エネルギー設備等導入推進事業及び消防車両購入事業により上回っているがその後、類似団体平均を下回っている。衛生費については湯河原町真鶴町衛生組合への施設整備の負担金が継続しており、今後は更に新たな施設整備が見込まれている。農林水産業費は類似団体平均より低いが、神奈川県平均は上回っている。これは漁港整備が要因となっている。土木費においては類似団体平均を下回っているが、新規の公共事業を控えていることが起因している。教育費においては類似団体を下回っていますが今後は、老朽化した教育施設等の改修計画等が控えていることから増加が見込まれる。総務費が類似団体平均を大幅に下回っているが、類似団体では委託している庁舎の宿直業務や草刈り等を直営で行っているため、物件費が類似団体に比較し少ないことが要因と思われ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財政調整基金残高は平成２４年度に１，０００万円まで落ち込んだが、近年、計画的な積立</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取崩しが行われており、令和３年度末で約３億４千万円の基金残高となっています。</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今後においては、事業実施に伴う財源の確保、また過疎債等の有効利用を考えていく。</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今後は生産労働人口の減少が見込まれる中、効果的、効率的な事業の実施に努め、適正な財源の確保に努め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連結実質赤字額は、今年度も発生していない。</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引き続き各会計において赤字が発生しないよう適切な財政運営を行っていく。</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真鶴魚座・ケープ真鶴特別会計では平成２７年度から指定管理者制度の導入を行ってい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0210katsuya\Desktop\R5&#36001;&#25919;&#29366;&#27841;&#36039;&#26009;&#38598;(2&#22238;&#30446;)\&#12304;&#36001;&#25919;&#29366;&#27841;&#36039;&#26009;&#38598;&#12305;_143839_&#30495;&#40372;&#30010;_2021\&#12304;&#36001;&#25919;&#29366;&#27841;&#36039;&#26009;&#38598;&#12305;_143839_&#30495;&#40372;&#30010;_2021(2&#22238;&#3044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会計指標分析・財政指標組合せ分析表"/>
      <sheetName val="施設類型別ストック情報分析表①"/>
      <sheetName val="施設類型別ストック情報分析表②"/>
    </sheetNames>
    <sheetDataSet>
      <sheetData sheetId="0">
        <row r="50">
          <cell r="BP50" t="str">
            <v>H29</v>
          </cell>
          <cell r="BX50" t="str">
            <v>H30</v>
          </cell>
          <cell r="CF50" t="str">
            <v>R01</v>
          </cell>
          <cell r="CN50" t="str">
            <v>R02</v>
          </cell>
          <cell r="CV50" t="str">
            <v>R03</v>
          </cell>
        </row>
        <row r="51">
          <cell r="AN51" t="str">
            <v>当該団体値</v>
          </cell>
          <cell r="BP51">
            <v>158.6</v>
          </cell>
          <cell r="BQ51"/>
          <cell r="BR51"/>
          <cell r="BS51"/>
          <cell r="BT51"/>
          <cell r="BU51"/>
          <cell r="BV51"/>
          <cell r="BW51"/>
          <cell r="BX51">
            <v>153</v>
          </cell>
          <cell r="BY51"/>
          <cell r="BZ51"/>
          <cell r="CA51"/>
          <cell r="CB51"/>
          <cell r="CC51"/>
          <cell r="CD51"/>
          <cell r="CE51"/>
          <cell r="CF51">
            <v>152.19999999999999</v>
          </cell>
          <cell r="CG51"/>
          <cell r="CH51"/>
          <cell r="CI51"/>
          <cell r="CJ51"/>
          <cell r="CK51"/>
          <cell r="CL51"/>
          <cell r="CM51"/>
          <cell r="CN51">
            <v>140.1</v>
          </cell>
          <cell r="CO51"/>
          <cell r="CP51"/>
          <cell r="CQ51"/>
          <cell r="CR51"/>
          <cell r="CS51"/>
          <cell r="CT51"/>
          <cell r="CU51"/>
          <cell r="CV51">
            <v>106</v>
          </cell>
          <cell r="CW51"/>
          <cell r="CX51"/>
          <cell r="CY51"/>
          <cell r="CZ51"/>
          <cell r="DA51"/>
          <cell r="DB51"/>
          <cell r="DC51"/>
        </row>
        <row r="53">
          <cell r="BP53">
            <v>52.5</v>
          </cell>
          <cell r="BQ53"/>
          <cell r="BR53"/>
          <cell r="BS53"/>
          <cell r="BT53"/>
          <cell r="BU53"/>
          <cell r="BV53"/>
          <cell r="BW53"/>
          <cell r="BX53">
            <v>63.2</v>
          </cell>
          <cell r="BY53"/>
          <cell r="BZ53"/>
          <cell r="CA53"/>
          <cell r="CB53"/>
          <cell r="CC53"/>
          <cell r="CD53"/>
          <cell r="CE53"/>
          <cell r="CF53">
            <v>62.4</v>
          </cell>
          <cell r="CG53"/>
          <cell r="CH53"/>
          <cell r="CI53"/>
          <cell r="CJ53"/>
          <cell r="CK53"/>
          <cell r="CL53"/>
          <cell r="CM53"/>
          <cell r="CN53">
            <v>64.7</v>
          </cell>
          <cell r="CO53"/>
          <cell r="CP53"/>
          <cell r="CQ53"/>
          <cell r="CR53"/>
          <cell r="CS53"/>
          <cell r="CT53"/>
          <cell r="CU53"/>
          <cell r="CV53">
            <v>66.8</v>
          </cell>
          <cell r="CW53"/>
          <cell r="CX53"/>
          <cell r="CY53"/>
          <cell r="CZ53"/>
          <cell r="DA53"/>
          <cell r="DB53"/>
          <cell r="DC53"/>
        </row>
        <row r="55">
          <cell r="AN55" t="str">
            <v>類似団体内平均値</v>
          </cell>
          <cell r="BP55">
            <v>23.4</v>
          </cell>
          <cell r="BQ55"/>
          <cell r="BR55"/>
          <cell r="BS55"/>
          <cell r="BT55"/>
          <cell r="BU55"/>
          <cell r="BV55"/>
          <cell r="BW55"/>
          <cell r="BX55">
            <v>7.6</v>
          </cell>
          <cell r="BY55"/>
          <cell r="BZ55"/>
          <cell r="CA55"/>
          <cell r="CB55"/>
          <cell r="CC55"/>
          <cell r="CD55"/>
          <cell r="CE55"/>
          <cell r="CF55">
            <v>3</v>
          </cell>
          <cell r="CG55"/>
          <cell r="CH55"/>
          <cell r="CI55"/>
          <cell r="CJ55"/>
          <cell r="CK55"/>
          <cell r="CL55"/>
          <cell r="CM55"/>
          <cell r="CN55">
            <v>3.4</v>
          </cell>
          <cell r="CO55"/>
          <cell r="CP55"/>
          <cell r="CQ55"/>
          <cell r="CR55"/>
          <cell r="CS55"/>
          <cell r="CT55"/>
          <cell r="CU55"/>
          <cell r="CV55">
            <v>0</v>
          </cell>
          <cell r="CW55"/>
          <cell r="CX55"/>
          <cell r="CY55"/>
          <cell r="CZ55"/>
          <cell r="DA55"/>
          <cell r="DB55"/>
          <cell r="DC55"/>
        </row>
        <row r="57">
          <cell r="BP57">
            <v>59.2</v>
          </cell>
          <cell r="BQ57"/>
          <cell r="BR57"/>
          <cell r="BS57"/>
          <cell r="BT57"/>
          <cell r="BU57"/>
          <cell r="BV57"/>
          <cell r="BW57"/>
          <cell r="BX57">
            <v>63.4</v>
          </cell>
          <cell r="BY57"/>
          <cell r="BZ57"/>
          <cell r="CA57"/>
          <cell r="CB57"/>
          <cell r="CC57"/>
          <cell r="CD57"/>
          <cell r="CE57"/>
          <cell r="CF57">
            <v>63.3</v>
          </cell>
          <cell r="CG57"/>
          <cell r="CH57"/>
          <cell r="CI57"/>
          <cell r="CJ57"/>
          <cell r="CK57"/>
          <cell r="CL57"/>
          <cell r="CM57"/>
          <cell r="CN57">
            <v>62.8</v>
          </cell>
          <cell r="CO57"/>
          <cell r="CP57"/>
          <cell r="CQ57"/>
          <cell r="CR57"/>
          <cell r="CS57"/>
          <cell r="CT57"/>
          <cell r="CU57"/>
          <cell r="CV57">
            <v>62.8</v>
          </cell>
          <cell r="CW57"/>
          <cell r="CX57"/>
          <cell r="CY57"/>
          <cell r="CZ57"/>
          <cell r="DA57"/>
          <cell r="DB57"/>
          <cell r="DC57"/>
        </row>
        <row r="72">
          <cell r="BP72" t="str">
            <v>H29</v>
          </cell>
          <cell r="BX72" t="str">
            <v>H30</v>
          </cell>
          <cell r="CF72" t="str">
            <v>R01</v>
          </cell>
          <cell r="CN72" t="str">
            <v>R02</v>
          </cell>
          <cell r="CV72" t="str">
            <v>R03</v>
          </cell>
        </row>
        <row r="73">
          <cell r="AN73" t="str">
            <v>当該団体値</v>
          </cell>
          <cell r="BP73">
            <v>158.6</v>
          </cell>
          <cell r="BQ73"/>
          <cell r="BR73"/>
          <cell r="BS73"/>
          <cell r="BT73"/>
          <cell r="BU73"/>
          <cell r="BV73"/>
          <cell r="BW73"/>
          <cell r="BX73">
            <v>153</v>
          </cell>
          <cell r="BY73"/>
          <cell r="BZ73"/>
          <cell r="CA73"/>
          <cell r="CB73"/>
          <cell r="CC73"/>
          <cell r="CD73"/>
          <cell r="CE73"/>
          <cell r="CF73">
            <v>152.19999999999999</v>
          </cell>
          <cell r="CG73"/>
          <cell r="CH73"/>
          <cell r="CI73"/>
          <cell r="CJ73"/>
          <cell r="CK73"/>
          <cell r="CL73"/>
          <cell r="CM73"/>
          <cell r="CN73">
            <v>140.1</v>
          </cell>
          <cell r="CO73"/>
          <cell r="CP73"/>
          <cell r="CQ73"/>
          <cell r="CR73"/>
          <cell r="CS73"/>
          <cell r="CT73"/>
          <cell r="CU73"/>
          <cell r="CV73">
            <v>106</v>
          </cell>
          <cell r="CW73"/>
          <cell r="CX73"/>
          <cell r="CY73"/>
          <cell r="CZ73"/>
          <cell r="DA73"/>
          <cell r="DB73"/>
          <cell r="DC73"/>
        </row>
        <row r="75">
          <cell r="BP75">
            <v>8.4</v>
          </cell>
          <cell r="BQ75"/>
          <cell r="BR75"/>
          <cell r="BS75"/>
          <cell r="BT75"/>
          <cell r="BU75"/>
          <cell r="BV75"/>
          <cell r="BW75"/>
          <cell r="BX75">
            <v>9.6999999999999993</v>
          </cell>
          <cell r="BY75"/>
          <cell r="BZ75"/>
          <cell r="CA75"/>
          <cell r="CB75"/>
          <cell r="CC75"/>
          <cell r="CD75"/>
          <cell r="CE75"/>
          <cell r="CF75">
            <v>11.1</v>
          </cell>
          <cell r="CG75"/>
          <cell r="CH75"/>
          <cell r="CI75"/>
          <cell r="CJ75"/>
          <cell r="CK75"/>
          <cell r="CL75"/>
          <cell r="CM75"/>
          <cell r="CN75">
            <v>11.9</v>
          </cell>
          <cell r="CO75"/>
          <cell r="CP75"/>
          <cell r="CQ75"/>
          <cell r="CR75"/>
          <cell r="CS75"/>
          <cell r="CT75"/>
          <cell r="CU75"/>
          <cell r="CV75">
            <v>12</v>
          </cell>
          <cell r="CW75"/>
          <cell r="CX75"/>
          <cell r="CY75"/>
          <cell r="CZ75"/>
          <cell r="DA75"/>
          <cell r="DB75"/>
          <cell r="DC75"/>
        </row>
        <row r="77">
          <cell r="AN77" t="str">
            <v>類似団体内平均値</v>
          </cell>
          <cell r="BP77">
            <v>23.4</v>
          </cell>
          <cell r="BQ77"/>
          <cell r="BR77"/>
          <cell r="BS77"/>
          <cell r="BT77"/>
          <cell r="BU77"/>
          <cell r="BV77"/>
          <cell r="BW77"/>
          <cell r="BX77">
            <v>7.6</v>
          </cell>
          <cell r="BY77"/>
          <cell r="BZ77"/>
          <cell r="CA77"/>
          <cell r="CB77"/>
          <cell r="CC77"/>
          <cell r="CD77"/>
          <cell r="CE77"/>
          <cell r="CF77">
            <v>3</v>
          </cell>
          <cell r="CG77"/>
          <cell r="CH77"/>
          <cell r="CI77"/>
          <cell r="CJ77"/>
          <cell r="CK77"/>
          <cell r="CL77"/>
          <cell r="CM77"/>
          <cell r="CN77">
            <v>3.4</v>
          </cell>
          <cell r="CO77"/>
          <cell r="CP77"/>
          <cell r="CQ77"/>
          <cell r="CR77"/>
          <cell r="CS77"/>
          <cell r="CT77"/>
          <cell r="CU77"/>
          <cell r="CV77">
            <v>0</v>
          </cell>
          <cell r="CW77"/>
          <cell r="CX77"/>
          <cell r="CY77"/>
          <cell r="CZ77"/>
          <cell r="DA77"/>
          <cell r="DB77"/>
          <cell r="DC77"/>
        </row>
        <row r="79">
          <cell r="BP79">
            <v>8.5</v>
          </cell>
          <cell r="BQ79"/>
          <cell r="BR79"/>
          <cell r="BS79"/>
          <cell r="BT79"/>
          <cell r="BU79"/>
          <cell r="BV79"/>
          <cell r="BW79"/>
          <cell r="BX79">
            <v>8.6</v>
          </cell>
          <cell r="BY79"/>
          <cell r="BZ79"/>
          <cell r="CA79"/>
          <cell r="CB79"/>
          <cell r="CC79"/>
          <cell r="CD79"/>
          <cell r="CE79"/>
          <cell r="CF79">
            <v>8.8000000000000007</v>
          </cell>
          <cell r="CG79"/>
          <cell r="CH79"/>
          <cell r="CI79"/>
          <cell r="CJ79"/>
          <cell r="CK79"/>
          <cell r="CL79"/>
          <cell r="CM79"/>
          <cell r="CN79">
            <v>8.8000000000000007</v>
          </cell>
          <cell r="CO79"/>
          <cell r="CP79"/>
          <cell r="CQ79"/>
          <cell r="CR79"/>
          <cell r="CS79"/>
          <cell r="CT79"/>
          <cell r="CU79"/>
          <cell r="CV79">
            <v>8.3000000000000007</v>
          </cell>
          <cell r="CW79"/>
          <cell r="CX79"/>
          <cell r="CY79"/>
          <cell r="CZ79"/>
          <cell r="DA79"/>
          <cell r="DB79"/>
          <cell r="DC79"/>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1" t="s">
        <v>79</v>
      </c>
      <c r="C1" s="631"/>
      <c r="D1" s="631"/>
      <c r="E1" s="631"/>
      <c r="F1" s="631"/>
      <c r="G1" s="631"/>
      <c r="H1" s="631"/>
      <c r="I1" s="631"/>
      <c r="J1" s="631"/>
      <c r="K1" s="631"/>
      <c r="L1" s="631"/>
      <c r="M1" s="631"/>
      <c r="N1" s="631"/>
      <c r="O1" s="631"/>
      <c r="P1" s="631"/>
      <c r="Q1" s="631"/>
      <c r="R1" s="631"/>
      <c r="S1" s="631"/>
      <c r="T1" s="631"/>
      <c r="U1" s="631"/>
      <c r="V1" s="631"/>
      <c r="W1" s="631"/>
      <c r="X1" s="631"/>
      <c r="Y1" s="631"/>
      <c r="Z1" s="631"/>
      <c r="AA1" s="631"/>
      <c r="AB1" s="631"/>
      <c r="AC1" s="631"/>
      <c r="AD1" s="631"/>
      <c r="AE1" s="631"/>
      <c r="AF1" s="631"/>
      <c r="AG1" s="631"/>
      <c r="AH1" s="631"/>
      <c r="AI1" s="631"/>
      <c r="AJ1" s="631"/>
      <c r="AK1" s="631"/>
      <c r="AL1" s="631"/>
      <c r="AM1" s="631"/>
      <c r="AN1" s="631"/>
      <c r="AO1" s="631"/>
      <c r="AP1" s="631"/>
      <c r="AQ1" s="631"/>
      <c r="AR1" s="631"/>
      <c r="AS1" s="631"/>
      <c r="AT1" s="631"/>
      <c r="AU1" s="631"/>
      <c r="AV1" s="631"/>
      <c r="AW1" s="631"/>
      <c r="AX1" s="631"/>
      <c r="AY1" s="631"/>
      <c r="AZ1" s="631"/>
      <c r="BA1" s="631"/>
      <c r="BB1" s="631"/>
      <c r="BC1" s="631"/>
      <c r="BD1" s="631"/>
      <c r="BE1" s="631"/>
      <c r="BF1" s="631"/>
      <c r="BG1" s="631"/>
      <c r="BH1" s="631"/>
      <c r="BI1" s="631"/>
      <c r="BJ1" s="631"/>
      <c r="BK1" s="631"/>
      <c r="BL1" s="631"/>
      <c r="BM1" s="631"/>
      <c r="BN1" s="631"/>
      <c r="BO1" s="631"/>
      <c r="BP1" s="631"/>
      <c r="BQ1" s="631"/>
      <c r="BR1" s="631"/>
      <c r="BS1" s="631"/>
      <c r="BT1" s="631"/>
      <c r="BU1" s="631"/>
      <c r="BV1" s="631"/>
      <c r="BW1" s="631"/>
      <c r="BX1" s="631"/>
      <c r="BY1" s="631"/>
      <c r="BZ1" s="631"/>
      <c r="CA1" s="631"/>
      <c r="CB1" s="631"/>
      <c r="CC1" s="631"/>
      <c r="CD1" s="631"/>
      <c r="CE1" s="631"/>
      <c r="CF1" s="631"/>
      <c r="CG1" s="631"/>
      <c r="CH1" s="631"/>
      <c r="CI1" s="631"/>
      <c r="CJ1" s="631"/>
      <c r="CK1" s="631"/>
      <c r="CL1" s="631"/>
      <c r="CM1" s="631"/>
      <c r="CN1" s="631"/>
      <c r="CO1" s="631"/>
      <c r="CP1" s="631"/>
      <c r="CQ1" s="631"/>
      <c r="CR1" s="631"/>
      <c r="CS1" s="631"/>
      <c r="CT1" s="631"/>
      <c r="CU1" s="631"/>
      <c r="CV1" s="631"/>
      <c r="CW1" s="631"/>
      <c r="CX1" s="631"/>
      <c r="CY1" s="631"/>
      <c r="CZ1" s="631"/>
      <c r="DA1" s="631"/>
      <c r="DB1" s="631"/>
      <c r="DC1" s="631"/>
      <c r="DD1" s="631"/>
      <c r="DE1" s="631"/>
      <c r="DF1" s="631"/>
      <c r="DG1" s="631"/>
      <c r="DH1" s="631"/>
      <c r="DI1" s="631"/>
      <c r="DJ1" s="178"/>
      <c r="DK1" s="178"/>
      <c r="DL1" s="178"/>
      <c r="DM1" s="178"/>
      <c r="DN1" s="178"/>
      <c r="DO1" s="178"/>
    </row>
    <row r="2" spans="1:119" ht="24" thickBot="1" x14ac:dyDescent="0.25">
      <c r="B2" s="179" t="s">
        <v>80</v>
      </c>
      <c r="C2" s="179"/>
      <c r="D2" s="180"/>
    </row>
    <row r="3" spans="1:119" ht="18.75" customHeight="1" thickBot="1" x14ac:dyDescent="0.25">
      <c r="A3" s="178"/>
      <c r="B3" s="632" t="s">
        <v>81</v>
      </c>
      <c r="C3" s="633"/>
      <c r="D3" s="633"/>
      <c r="E3" s="634"/>
      <c r="F3" s="634"/>
      <c r="G3" s="634"/>
      <c r="H3" s="634"/>
      <c r="I3" s="634"/>
      <c r="J3" s="634"/>
      <c r="K3" s="634"/>
      <c r="L3" s="634" t="s">
        <v>82</v>
      </c>
      <c r="M3" s="634"/>
      <c r="N3" s="634"/>
      <c r="O3" s="634"/>
      <c r="P3" s="634"/>
      <c r="Q3" s="634"/>
      <c r="R3" s="637"/>
      <c r="S3" s="637"/>
      <c r="T3" s="637"/>
      <c r="U3" s="637"/>
      <c r="V3" s="638"/>
      <c r="W3" s="528" t="s">
        <v>83</v>
      </c>
      <c r="X3" s="529"/>
      <c r="Y3" s="529"/>
      <c r="Z3" s="529"/>
      <c r="AA3" s="529"/>
      <c r="AB3" s="633"/>
      <c r="AC3" s="637" t="s">
        <v>84</v>
      </c>
      <c r="AD3" s="529"/>
      <c r="AE3" s="529"/>
      <c r="AF3" s="529"/>
      <c r="AG3" s="529"/>
      <c r="AH3" s="529"/>
      <c r="AI3" s="529"/>
      <c r="AJ3" s="529"/>
      <c r="AK3" s="529"/>
      <c r="AL3" s="599"/>
      <c r="AM3" s="528" t="s">
        <v>85</v>
      </c>
      <c r="AN3" s="529"/>
      <c r="AO3" s="529"/>
      <c r="AP3" s="529"/>
      <c r="AQ3" s="529"/>
      <c r="AR3" s="529"/>
      <c r="AS3" s="529"/>
      <c r="AT3" s="529"/>
      <c r="AU3" s="529"/>
      <c r="AV3" s="529"/>
      <c r="AW3" s="529"/>
      <c r="AX3" s="599"/>
      <c r="AY3" s="591" t="s">
        <v>1</v>
      </c>
      <c r="AZ3" s="592"/>
      <c r="BA3" s="592"/>
      <c r="BB3" s="592"/>
      <c r="BC3" s="592"/>
      <c r="BD3" s="592"/>
      <c r="BE3" s="592"/>
      <c r="BF3" s="592"/>
      <c r="BG3" s="592"/>
      <c r="BH3" s="592"/>
      <c r="BI3" s="592"/>
      <c r="BJ3" s="592"/>
      <c r="BK3" s="592"/>
      <c r="BL3" s="592"/>
      <c r="BM3" s="641"/>
      <c r="BN3" s="528" t="s">
        <v>86</v>
      </c>
      <c r="BO3" s="529"/>
      <c r="BP3" s="529"/>
      <c r="BQ3" s="529"/>
      <c r="BR3" s="529"/>
      <c r="BS3" s="529"/>
      <c r="BT3" s="529"/>
      <c r="BU3" s="599"/>
      <c r="BV3" s="528" t="s">
        <v>87</v>
      </c>
      <c r="BW3" s="529"/>
      <c r="BX3" s="529"/>
      <c r="BY3" s="529"/>
      <c r="BZ3" s="529"/>
      <c r="CA3" s="529"/>
      <c r="CB3" s="529"/>
      <c r="CC3" s="599"/>
      <c r="CD3" s="591" t="s">
        <v>1</v>
      </c>
      <c r="CE3" s="592"/>
      <c r="CF3" s="592"/>
      <c r="CG3" s="592"/>
      <c r="CH3" s="592"/>
      <c r="CI3" s="592"/>
      <c r="CJ3" s="592"/>
      <c r="CK3" s="592"/>
      <c r="CL3" s="592"/>
      <c r="CM3" s="592"/>
      <c r="CN3" s="592"/>
      <c r="CO3" s="592"/>
      <c r="CP3" s="592"/>
      <c r="CQ3" s="592"/>
      <c r="CR3" s="592"/>
      <c r="CS3" s="641"/>
      <c r="CT3" s="528" t="s">
        <v>88</v>
      </c>
      <c r="CU3" s="529"/>
      <c r="CV3" s="529"/>
      <c r="CW3" s="529"/>
      <c r="CX3" s="529"/>
      <c r="CY3" s="529"/>
      <c r="CZ3" s="529"/>
      <c r="DA3" s="599"/>
      <c r="DB3" s="528" t="s">
        <v>89</v>
      </c>
      <c r="DC3" s="529"/>
      <c r="DD3" s="529"/>
      <c r="DE3" s="529"/>
      <c r="DF3" s="529"/>
      <c r="DG3" s="529"/>
      <c r="DH3" s="529"/>
      <c r="DI3" s="599"/>
    </row>
    <row r="4" spans="1:119" ht="18.75" customHeight="1" x14ac:dyDescent="0.2">
      <c r="A4" s="178"/>
      <c r="B4" s="607"/>
      <c r="C4" s="608"/>
      <c r="D4" s="608"/>
      <c r="E4" s="609"/>
      <c r="F4" s="609"/>
      <c r="G4" s="609"/>
      <c r="H4" s="609"/>
      <c r="I4" s="609"/>
      <c r="J4" s="609"/>
      <c r="K4" s="609"/>
      <c r="L4" s="609"/>
      <c r="M4" s="609"/>
      <c r="N4" s="609"/>
      <c r="O4" s="609"/>
      <c r="P4" s="609"/>
      <c r="Q4" s="609"/>
      <c r="R4" s="613"/>
      <c r="S4" s="613"/>
      <c r="T4" s="613"/>
      <c r="U4" s="613"/>
      <c r="V4" s="614"/>
      <c r="W4" s="600"/>
      <c r="X4" s="410"/>
      <c r="Y4" s="410"/>
      <c r="Z4" s="410"/>
      <c r="AA4" s="410"/>
      <c r="AB4" s="608"/>
      <c r="AC4" s="613"/>
      <c r="AD4" s="410"/>
      <c r="AE4" s="410"/>
      <c r="AF4" s="410"/>
      <c r="AG4" s="410"/>
      <c r="AH4" s="410"/>
      <c r="AI4" s="410"/>
      <c r="AJ4" s="410"/>
      <c r="AK4" s="410"/>
      <c r="AL4" s="601"/>
      <c r="AM4" s="550"/>
      <c r="AN4" s="448"/>
      <c r="AO4" s="448"/>
      <c r="AP4" s="448"/>
      <c r="AQ4" s="448"/>
      <c r="AR4" s="448"/>
      <c r="AS4" s="448"/>
      <c r="AT4" s="448"/>
      <c r="AU4" s="448"/>
      <c r="AV4" s="448"/>
      <c r="AW4" s="448"/>
      <c r="AX4" s="640"/>
      <c r="AY4" s="485" t="s">
        <v>90</v>
      </c>
      <c r="AZ4" s="486"/>
      <c r="BA4" s="486"/>
      <c r="BB4" s="486"/>
      <c r="BC4" s="486"/>
      <c r="BD4" s="486"/>
      <c r="BE4" s="486"/>
      <c r="BF4" s="486"/>
      <c r="BG4" s="486"/>
      <c r="BH4" s="486"/>
      <c r="BI4" s="486"/>
      <c r="BJ4" s="486"/>
      <c r="BK4" s="486"/>
      <c r="BL4" s="486"/>
      <c r="BM4" s="487"/>
      <c r="BN4" s="488">
        <v>4416745</v>
      </c>
      <c r="BO4" s="489"/>
      <c r="BP4" s="489"/>
      <c r="BQ4" s="489"/>
      <c r="BR4" s="489"/>
      <c r="BS4" s="489"/>
      <c r="BT4" s="489"/>
      <c r="BU4" s="490"/>
      <c r="BV4" s="488">
        <v>4905879</v>
      </c>
      <c r="BW4" s="489"/>
      <c r="BX4" s="489"/>
      <c r="BY4" s="489"/>
      <c r="BZ4" s="489"/>
      <c r="CA4" s="489"/>
      <c r="CB4" s="489"/>
      <c r="CC4" s="490"/>
      <c r="CD4" s="625" t="s">
        <v>91</v>
      </c>
      <c r="CE4" s="626"/>
      <c r="CF4" s="626"/>
      <c r="CG4" s="626"/>
      <c r="CH4" s="626"/>
      <c r="CI4" s="626"/>
      <c r="CJ4" s="626"/>
      <c r="CK4" s="626"/>
      <c r="CL4" s="626"/>
      <c r="CM4" s="626"/>
      <c r="CN4" s="626"/>
      <c r="CO4" s="626"/>
      <c r="CP4" s="626"/>
      <c r="CQ4" s="626"/>
      <c r="CR4" s="626"/>
      <c r="CS4" s="627"/>
      <c r="CT4" s="628">
        <v>13.6</v>
      </c>
      <c r="CU4" s="629"/>
      <c r="CV4" s="629"/>
      <c r="CW4" s="629"/>
      <c r="CX4" s="629"/>
      <c r="CY4" s="629"/>
      <c r="CZ4" s="629"/>
      <c r="DA4" s="630"/>
      <c r="DB4" s="628">
        <v>6.7</v>
      </c>
      <c r="DC4" s="629"/>
      <c r="DD4" s="629"/>
      <c r="DE4" s="629"/>
      <c r="DF4" s="629"/>
      <c r="DG4" s="629"/>
      <c r="DH4" s="629"/>
      <c r="DI4" s="630"/>
    </row>
    <row r="5" spans="1:119" ht="18.75" customHeight="1" x14ac:dyDescent="0.2">
      <c r="A5" s="178"/>
      <c r="B5" s="635"/>
      <c r="C5" s="449"/>
      <c r="D5" s="449"/>
      <c r="E5" s="636"/>
      <c r="F5" s="636"/>
      <c r="G5" s="636"/>
      <c r="H5" s="636"/>
      <c r="I5" s="636"/>
      <c r="J5" s="636"/>
      <c r="K5" s="636"/>
      <c r="L5" s="636"/>
      <c r="M5" s="636"/>
      <c r="N5" s="636"/>
      <c r="O5" s="636"/>
      <c r="P5" s="636"/>
      <c r="Q5" s="636"/>
      <c r="R5" s="447"/>
      <c r="S5" s="447"/>
      <c r="T5" s="447"/>
      <c r="U5" s="447"/>
      <c r="V5" s="639"/>
      <c r="W5" s="550"/>
      <c r="X5" s="448"/>
      <c r="Y5" s="448"/>
      <c r="Z5" s="448"/>
      <c r="AA5" s="448"/>
      <c r="AB5" s="449"/>
      <c r="AC5" s="447"/>
      <c r="AD5" s="448"/>
      <c r="AE5" s="448"/>
      <c r="AF5" s="448"/>
      <c r="AG5" s="448"/>
      <c r="AH5" s="448"/>
      <c r="AI5" s="448"/>
      <c r="AJ5" s="448"/>
      <c r="AK5" s="448"/>
      <c r="AL5" s="640"/>
      <c r="AM5" s="516" t="s">
        <v>92</v>
      </c>
      <c r="AN5" s="416"/>
      <c r="AO5" s="416"/>
      <c r="AP5" s="416"/>
      <c r="AQ5" s="416"/>
      <c r="AR5" s="416"/>
      <c r="AS5" s="416"/>
      <c r="AT5" s="417"/>
      <c r="AU5" s="517" t="s">
        <v>93</v>
      </c>
      <c r="AV5" s="518"/>
      <c r="AW5" s="518"/>
      <c r="AX5" s="518"/>
      <c r="AY5" s="473" t="s">
        <v>94</v>
      </c>
      <c r="AZ5" s="474"/>
      <c r="BA5" s="474"/>
      <c r="BB5" s="474"/>
      <c r="BC5" s="474"/>
      <c r="BD5" s="474"/>
      <c r="BE5" s="474"/>
      <c r="BF5" s="474"/>
      <c r="BG5" s="474"/>
      <c r="BH5" s="474"/>
      <c r="BI5" s="474"/>
      <c r="BJ5" s="474"/>
      <c r="BK5" s="474"/>
      <c r="BL5" s="474"/>
      <c r="BM5" s="475"/>
      <c r="BN5" s="459">
        <v>4073683</v>
      </c>
      <c r="BO5" s="460"/>
      <c r="BP5" s="460"/>
      <c r="BQ5" s="460"/>
      <c r="BR5" s="460"/>
      <c r="BS5" s="460"/>
      <c r="BT5" s="460"/>
      <c r="BU5" s="461"/>
      <c r="BV5" s="459">
        <v>4751263</v>
      </c>
      <c r="BW5" s="460"/>
      <c r="BX5" s="460"/>
      <c r="BY5" s="460"/>
      <c r="BZ5" s="460"/>
      <c r="CA5" s="460"/>
      <c r="CB5" s="460"/>
      <c r="CC5" s="461"/>
      <c r="CD5" s="499" t="s">
        <v>95</v>
      </c>
      <c r="CE5" s="419"/>
      <c r="CF5" s="419"/>
      <c r="CG5" s="419"/>
      <c r="CH5" s="419"/>
      <c r="CI5" s="419"/>
      <c r="CJ5" s="419"/>
      <c r="CK5" s="419"/>
      <c r="CL5" s="419"/>
      <c r="CM5" s="419"/>
      <c r="CN5" s="419"/>
      <c r="CO5" s="419"/>
      <c r="CP5" s="419"/>
      <c r="CQ5" s="419"/>
      <c r="CR5" s="419"/>
      <c r="CS5" s="500"/>
      <c r="CT5" s="456">
        <v>88.4</v>
      </c>
      <c r="CU5" s="457"/>
      <c r="CV5" s="457"/>
      <c r="CW5" s="457"/>
      <c r="CX5" s="457"/>
      <c r="CY5" s="457"/>
      <c r="CZ5" s="457"/>
      <c r="DA5" s="458"/>
      <c r="DB5" s="456">
        <v>99.5</v>
      </c>
      <c r="DC5" s="457"/>
      <c r="DD5" s="457"/>
      <c r="DE5" s="457"/>
      <c r="DF5" s="457"/>
      <c r="DG5" s="457"/>
      <c r="DH5" s="457"/>
      <c r="DI5" s="458"/>
    </row>
    <row r="6" spans="1:119" ht="18.75" customHeight="1" x14ac:dyDescent="0.2">
      <c r="A6" s="178"/>
      <c r="B6" s="605" t="s">
        <v>96</v>
      </c>
      <c r="C6" s="446"/>
      <c r="D6" s="446"/>
      <c r="E6" s="606"/>
      <c r="F6" s="606"/>
      <c r="G6" s="606"/>
      <c r="H6" s="606"/>
      <c r="I6" s="606"/>
      <c r="J6" s="606"/>
      <c r="K6" s="606"/>
      <c r="L6" s="606" t="s">
        <v>97</v>
      </c>
      <c r="M6" s="606"/>
      <c r="N6" s="606"/>
      <c r="O6" s="606"/>
      <c r="P6" s="606"/>
      <c r="Q6" s="606"/>
      <c r="R6" s="444"/>
      <c r="S6" s="444"/>
      <c r="T6" s="444"/>
      <c r="U6" s="444"/>
      <c r="V6" s="612"/>
      <c r="W6" s="549" t="s">
        <v>98</v>
      </c>
      <c r="X6" s="445"/>
      <c r="Y6" s="445"/>
      <c r="Z6" s="445"/>
      <c r="AA6" s="445"/>
      <c r="AB6" s="446"/>
      <c r="AC6" s="617" t="s">
        <v>99</v>
      </c>
      <c r="AD6" s="618"/>
      <c r="AE6" s="618"/>
      <c r="AF6" s="618"/>
      <c r="AG6" s="618"/>
      <c r="AH6" s="618"/>
      <c r="AI6" s="618"/>
      <c r="AJ6" s="618"/>
      <c r="AK6" s="618"/>
      <c r="AL6" s="619"/>
      <c r="AM6" s="516" t="s">
        <v>100</v>
      </c>
      <c r="AN6" s="416"/>
      <c r="AO6" s="416"/>
      <c r="AP6" s="416"/>
      <c r="AQ6" s="416"/>
      <c r="AR6" s="416"/>
      <c r="AS6" s="416"/>
      <c r="AT6" s="417"/>
      <c r="AU6" s="517" t="s">
        <v>93</v>
      </c>
      <c r="AV6" s="518"/>
      <c r="AW6" s="518"/>
      <c r="AX6" s="518"/>
      <c r="AY6" s="473" t="s">
        <v>101</v>
      </c>
      <c r="AZ6" s="474"/>
      <c r="BA6" s="474"/>
      <c r="BB6" s="474"/>
      <c r="BC6" s="474"/>
      <c r="BD6" s="474"/>
      <c r="BE6" s="474"/>
      <c r="BF6" s="474"/>
      <c r="BG6" s="474"/>
      <c r="BH6" s="474"/>
      <c r="BI6" s="474"/>
      <c r="BJ6" s="474"/>
      <c r="BK6" s="474"/>
      <c r="BL6" s="474"/>
      <c r="BM6" s="475"/>
      <c r="BN6" s="459">
        <v>343062</v>
      </c>
      <c r="BO6" s="460"/>
      <c r="BP6" s="460"/>
      <c r="BQ6" s="460"/>
      <c r="BR6" s="460"/>
      <c r="BS6" s="460"/>
      <c r="BT6" s="460"/>
      <c r="BU6" s="461"/>
      <c r="BV6" s="459">
        <v>154616</v>
      </c>
      <c r="BW6" s="460"/>
      <c r="BX6" s="460"/>
      <c r="BY6" s="460"/>
      <c r="BZ6" s="460"/>
      <c r="CA6" s="460"/>
      <c r="CB6" s="460"/>
      <c r="CC6" s="461"/>
      <c r="CD6" s="499" t="s">
        <v>102</v>
      </c>
      <c r="CE6" s="419"/>
      <c r="CF6" s="419"/>
      <c r="CG6" s="419"/>
      <c r="CH6" s="419"/>
      <c r="CI6" s="419"/>
      <c r="CJ6" s="419"/>
      <c r="CK6" s="419"/>
      <c r="CL6" s="419"/>
      <c r="CM6" s="419"/>
      <c r="CN6" s="419"/>
      <c r="CO6" s="419"/>
      <c r="CP6" s="419"/>
      <c r="CQ6" s="419"/>
      <c r="CR6" s="419"/>
      <c r="CS6" s="500"/>
      <c r="CT6" s="602">
        <v>93.5</v>
      </c>
      <c r="CU6" s="603"/>
      <c r="CV6" s="603"/>
      <c r="CW6" s="603"/>
      <c r="CX6" s="603"/>
      <c r="CY6" s="603"/>
      <c r="CZ6" s="603"/>
      <c r="DA6" s="604"/>
      <c r="DB6" s="602">
        <v>104.1</v>
      </c>
      <c r="DC6" s="603"/>
      <c r="DD6" s="603"/>
      <c r="DE6" s="603"/>
      <c r="DF6" s="603"/>
      <c r="DG6" s="603"/>
      <c r="DH6" s="603"/>
      <c r="DI6" s="604"/>
    </row>
    <row r="7" spans="1:119" ht="18.75" customHeight="1" x14ac:dyDescent="0.2">
      <c r="A7" s="178"/>
      <c r="B7" s="607"/>
      <c r="C7" s="608"/>
      <c r="D7" s="608"/>
      <c r="E7" s="609"/>
      <c r="F7" s="609"/>
      <c r="G7" s="609"/>
      <c r="H7" s="609"/>
      <c r="I7" s="609"/>
      <c r="J7" s="609"/>
      <c r="K7" s="609"/>
      <c r="L7" s="609"/>
      <c r="M7" s="609"/>
      <c r="N7" s="609"/>
      <c r="O7" s="609"/>
      <c r="P7" s="609"/>
      <c r="Q7" s="609"/>
      <c r="R7" s="613"/>
      <c r="S7" s="613"/>
      <c r="T7" s="613"/>
      <c r="U7" s="613"/>
      <c r="V7" s="614"/>
      <c r="W7" s="600"/>
      <c r="X7" s="410"/>
      <c r="Y7" s="410"/>
      <c r="Z7" s="410"/>
      <c r="AA7" s="410"/>
      <c r="AB7" s="608"/>
      <c r="AC7" s="620"/>
      <c r="AD7" s="411"/>
      <c r="AE7" s="411"/>
      <c r="AF7" s="411"/>
      <c r="AG7" s="411"/>
      <c r="AH7" s="411"/>
      <c r="AI7" s="411"/>
      <c r="AJ7" s="411"/>
      <c r="AK7" s="411"/>
      <c r="AL7" s="621"/>
      <c r="AM7" s="516" t="s">
        <v>103</v>
      </c>
      <c r="AN7" s="416"/>
      <c r="AO7" s="416"/>
      <c r="AP7" s="416"/>
      <c r="AQ7" s="416"/>
      <c r="AR7" s="416"/>
      <c r="AS7" s="416"/>
      <c r="AT7" s="417"/>
      <c r="AU7" s="517" t="s">
        <v>104</v>
      </c>
      <c r="AV7" s="518"/>
      <c r="AW7" s="518"/>
      <c r="AX7" s="518"/>
      <c r="AY7" s="473" t="s">
        <v>105</v>
      </c>
      <c r="AZ7" s="474"/>
      <c r="BA7" s="474"/>
      <c r="BB7" s="474"/>
      <c r="BC7" s="474"/>
      <c r="BD7" s="474"/>
      <c r="BE7" s="474"/>
      <c r="BF7" s="474"/>
      <c r="BG7" s="474"/>
      <c r="BH7" s="474"/>
      <c r="BI7" s="474"/>
      <c r="BJ7" s="474"/>
      <c r="BK7" s="474"/>
      <c r="BL7" s="474"/>
      <c r="BM7" s="475"/>
      <c r="BN7" s="459">
        <v>3222</v>
      </c>
      <c r="BO7" s="460"/>
      <c r="BP7" s="460"/>
      <c r="BQ7" s="460"/>
      <c r="BR7" s="460"/>
      <c r="BS7" s="460"/>
      <c r="BT7" s="460"/>
      <c r="BU7" s="461"/>
      <c r="BV7" s="459">
        <v>217</v>
      </c>
      <c r="BW7" s="460"/>
      <c r="BX7" s="460"/>
      <c r="BY7" s="460"/>
      <c r="BZ7" s="460"/>
      <c r="CA7" s="460"/>
      <c r="CB7" s="460"/>
      <c r="CC7" s="461"/>
      <c r="CD7" s="499" t="s">
        <v>106</v>
      </c>
      <c r="CE7" s="419"/>
      <c r="CF7" s="419"/>
      <c r="CG7" s="419"/>
      <c r="CH7" s="419"/>
      <c r="CI7" s="419"/>
      <c r="CJ7" s="419"/>
      <c r="CK7" s="419"/>
      <c r="CL7" s="419"/>
      <c r="CM7" s="419"/>
      <c r="CN7" s="419"/>
      <c r="CO7" s="419"/>
      <c r="CP7" s="419"/>
      <c r="CQ7" s="419"/>
      <c r="CR7" s="419"/>
      <c r="CS7" s="500"/>
      <c r="CT7" s="459">
        <v>2501157</v>
      </c>
      <c r="CU7" s="460"/>
      <c r="CV7" s="460"/>
      <c r="CW7" s="460"/>
      <c r="CX7" s="460"/>
      <c r="CY7" s="460"/>
      <c r="CZ7" s="460"/>
      <c r="DA7" s="461"/>
      <c r="DB7" s="459">
        <v>2289017</v>
      </c>
      <c r="DC7" s="460"/>
      <c r="DD7" s="460"/>
      <c r="DE7" s="460"/>
      <c r="DF7" s="460"/>
      <c r="DG7" s="460"/>
      <c r="DH7" s="460"/>
      <c r="DI7" s="461"/>
    </row>
    <row r="8" spans="1:119" ht="18.75" customHeight="1" thickBot="1" x14ac:dyDescent="0.25">
      <c r="A8" s="178"/>
      <c r="B8" s="610"/>
      <c r="C8" s="555"/>
      <c r="D8" s="555"/>
      <c r="E8" s="611"/>
      <c r="F8" s="611"/>
      <c r="G8" s="611"/>
      <c r="H8" s="611"/>
      <c r="I8" s="611"/>
      <c r="J8" s="611"/>
      <c r="K8" s="611"/>
      <c r="L8" s="611"/>
      <c r="M8" s="611"/>
      <c r="N8" s="611"/>
      <c r="O8" s="611"/>
      <c r="P8" s="611"/>
      <c r="Q8" s="611"/>
      <c r="R8" s="615"/>
      <c r="S8" s="615"/>
      <c r="T8" s="615"/>
      <c r="U8" s="615"/>
      <c r="V8" s="616"/>
      <c r="W8" s="530"/>
      <c r="X8" s="531"/>
      <c r="Y8" s="531"/>
      <c r="Z8" s="531"/>
      <c r="AA8" s="531"/>
      <c r="AB8" s="555"/>
      <c r="AC8" s="622"/>
      <c r="AD8" s="623"/>
      <c r="AE8" s="623"/>
      <c r="AF8" s="623"/>
      <c r="AG8" s="623"/>
      <c r="AH8" s="623"/>
      <c r="AI8" s="623"/>
      <c r="AJ8" s="623"/>
      <c r="AK8" s="623"/>
      <c r="AL8" s="624"/>
      <c r="AM8" s="516" t="s">
        <v>107</v>
      </c>
      <c r="AN8" s="416"/>
      <c r="AO8" s="416"/>
      <c r="AP8" s="416"/>
      <c r="AQ8" s="416"/>
      <c r="AR8" s="416"/>
      <c r="AS8" s="416"/>
      <c r="AT8" s="417"/>
      <c r="AU8" s="517" t="s">
        <v>93</v>
      </c>
      <c r="AV8" s="518"/>
      <c r="AW8" s="518"/>
      <c r="AX8" s="518"/>
      <c r="AY8" s="473" t="s">
        <v>108</v>
      </c>
      <c r="AZ8" s="474"/>
      <c r="BA8" s="474"/>
      <c r="BB8" s="474"/>
      <c r="BC8" s="474"/>
      <c r="BD8" s="474"/>
      <c r="BE8" s="474"/>
      <c r="BF8" s="474"/>
      <c r="BG8" s="474"/>
      <c r="BH8" s="474"/>
      <c r="BI8" s="474"/>
      <c r="BJ8" s="474"/>
      <c r="BK8" s="474"/>
      <c r="BL8" s="474"/>
      <c r="BM8" s="475"/>
      <c r="BN8" s="459">
        <v>339840</v>
      </c>
      <c r="BO8" s="460"/>
      <c r="BP8" s="460"/>
      <c r="BQ8" s="460"/>
      <c r="BR8" s="460"/>
      <c r="BS8" s="460"/>
      <c r="BT8" s="460"/>
      <c r="BU8" s="461"/>
      <c r="BV8" s="459">
        <v>154399</v>
      </c>
      <c r="BW8" s="460"/>
      <c r="BX8" s="460"/>
      <c r="BY8" s="460"/>
      <c r="BZ8" s="460"/>
      <c r="CA8" s="460"/>
      <c r="CB8" s="460"/>
      <c r="CC8" s="461"/>
      <c r="CD8" s="499" t="s">
        <v>109</v>
      </c>
      <c r="CE8" s="419"/>
      <c r="CF8" s="419"/>
      <c r="CG8" s="419"/>
      <c r="CH8" s="419"/>
      <c r="CI8" s="419"/>
      <c r="CJ8" s="419"/>
      <c r="CK8" s="419"/>
      <c r="CL8" s="419"/>
      <c r="CM8" s="419"/>
      <c r="CN8" s="419"/>
      <c r="CO8" s="419"/>
      <c r="CP8" s="419"/>
      <c r="CQ8" s="419"/>
      <c r="CR8" s="419"/>
      <c r="CS8" s="500"/>
      <c r="CT8" s="562">
        <v>0.43</v>
      </c>
      <c r="CU8" s="563"/>
      <c r="CV8" s="563"/>
      <c r="CW8" s="563"/>
      <c r="CX8" s="563"/>
      <c r="CY8" s="563"/>
      <c r="CZ8" s="563"/>
      <c r="DA8" s="564"/>
      <c r="DB8" s="562">
        <v>0.45</v>
      </c>
      <c r="DC8" s="563"/>
      <c r="DD8" s="563"/>
      <c r="DE8" s="563"/>
      <c r="DF8" s="563"/>
      <c r="DG8" s="563"/>
      <c r="DH8" s="563"/>
      <c r="DI8" s="564"/>
    </row>
    <row r="9" spans="1:119" ht="18.75" customHeight="1" thickBot="1" x14ac:dyDescent="0.25">
      <c r="A9" s="178"/>
      <c r="B9" s="591" t="s">
        <v>110</v>
      </c>
      <c r="C9" s="592"/>
      <c r="D9" s="592"/>
      <c r="E9" s="592"/>
      <c r="F9" s="592"/>
      <c r="G9" s="592"/>
      <c r="H9" s="592"/>
      <c r="I9" s="592"/>
      <c r="J9" s="592"/>
      <c r="K9" s="510"/>
      <c r="L9" s="593" t="s">
        <v>111</v>
      </c>
      <c r="M9" s="594"/>
      <c r="N9" s="594"/>
      <c r="O9" s="594"/>
      <c r="P9" s="594"/>
      <c r="Q9" s="595"/>
      <c r="R9" s="596">
        <v>6722</v>
      </c>
      <c r="S9" s="597"/>
      <c r="T9" s="597"/>
      <c r="U9" s="597"/>
      <c r="V9" s="598"/>
      <c r="W9" s="528" t="s">
        <v>112</v>
      </c>
      <c r="X9" s="529"/>
      <c r="Y9" s="529"/>
      <c r="Z9" s="529"/>
      <c r="AA9" s="529"/>
      <c r="AB9" s="529"/>
      <c r="AC9" s="529"/>
      <c r="AD9" s="529"/>
      <c r="AE9" s="529"/>
      <c r="AF9" s="529"/>
      <c r="AG9" s="529"/>
      <c r="AH9" s="529"/>
      <c r="AI9" s="529"/>
      <c r="AJ9" s="529"/>
      <c r="AK9" s="529"/>
      <c r="AL9" s="599"/>
      <c r="AM9" s="516" t="s">
        <v>113</v>
      </c>
      <c r="AN9" s="416"/>
      <c r="AO9" s="416"/>
      <c r="AP9" s="416"/>
      <c r="AQ9" s="416"/>
      <c r="AR9" s="416"/>
      <c r="AS9" s="416"/>
      <c r="AT9" s="417"/>
      <c r="AU9" s="517" t="s">
        <v>93</v>
      </c>
      <c r="AV9" s="518"/>
      <c r="AW9" s="518"/>
      <c r="AX9" s="518"/>
      <c r="AY9" s="473" t="s">
        <v>114</v>
      </c>
      <c r="AZ9" s="474"/>
      <c r="BA9" s="474"/>
      <c r="BB9" s="474"/>
      <c r="BC9" s="474"/>
      <c r="BD9" s="474"/>
      <c r="BE9" s="474"/>
      <c r="BF9" s="474"/>
      <c r="BG9" s="474"/>
      <c r="BH9" s="474"/>
      <c r="BI9" s="474"/>
      <c r="BJ9" s="474"/>
      <c r="BK9" s="474"/>
      <c r="BL9" s="474"/>
      <c r="BM9" s="475"/>
      <c r="BN9" s="459">
        <v>185441</v>
      </c>
      <c r="BO9" s="460"/>
      <c r="BP9" s="460"/>
      <c r="BQ9" s="460"/>
      <c r="BR9" s="460"/>
      <c r="BS9" s="460"/>
      <c r="BT9" s="460"/>
      <c r="BU9" s="461"/>
      <c r="BV9" s="459">
        <v>-18736</v>
      </c>
      <c r="BW9" s="460"/>
      <c r="BX9" s="460"/>
      <c r="BY9" s="460"/>
      <c r="BZ9" s="460"/>
      <c r="CA9" s="460"/>
      <c r="CB9" s="460"/>
      <c r="CC9" s="461"/>
      <c r="CD9" s="499" t="s">
        <v>115</v>
      </c>
      <c r="CE9" s="419"/>
      <c r="CF9" s="419"/>
      <c r="CG9" s="419"/>
      <c r="CH9" s="419"/>
      <c r="CI9" s="419"/>
      <c r="CJ9" s="419"/>
      <c r="CK9" s="419"/>
      <c r="CL9" s="419"/>
      <c r="CM9" s="419"/>
      <c r="CN9" s="419"/>
      <c r="CO9" s="419"/>
      <c r="CP9" s="419"/>
      <c r="CQ9" s="419"/>
      <c r="CR9" s="419"/>
      <c r="CS9" s="500"/>
      <c r="CT9" s="456">
        <v>11.8</v>
      </c>
      <c r="CU9" s="457"/>
      <c r="CV9" s="457"/>
      <c r="CW9" s="457"/>
      <c r="CX9" s="457"/>
      <c r="CY9" s="457"/>
      <c r="CZ9" s="457"/>
      <c r="DA9" s="458"/>
      <c r="DB9" s="456">
        <v>11.4</v>
      </c>
      <c r="DC9" s="457"/>
      <c r="DD9" s="457"/>
      <c r="DE9" s="457"/>
      <c r="DF9" s="457"/>
      <c r="DG9" s="457"/>
      <c r="DH9" s="457"/>
      <c r="DI9" s="458"/>
    </row>
    <row r="10" spans="1:119" ht="18.75" customHeight="1" thickBot="1" x14ac:dyDescent="0.25">
      <c r="A10" s="178"/>
      <c r="B10" s="591"/>
      <c r="C10" s="592"/>
      <c r="D10" s="592"/>
      <c r="E10" s="592"/>
      <c r="F10" s="592"/>
      <c r="G10" s="592"/>
      <c r="H10" s="592"/>
      <c r="I10" s="592"/>
      <c r="J10" s="592"/>
      <c r="K10" s="510"/>
      <c r="L10" s="415" t="s">
        <v>116</v>
      </c>
      <c r="M10" s="416"/>
      <c r="N10" s="416"/>
      <c r="O10" s="416"/>
      <c r="P10" s="416"/>
      <c r="Q10" s="417"/>
      <c r="R10" s="412">
        <v>7333</v>
      </c>
      <c r="S10" s="413"/>
      <c r="T10" s="413"/>
      <c r="U10" s="413"/>
      <c r="V10" s="472"/>
      <c r="W10" s="600"/>
      <c r="X10" s="410"/>
      <c r="Y10" s="410"/>
      <c r="Z10" s="410"/>
      <c r="AA10" s="410"/>
      <c r="AB10" s="410"/>
      <c r="AC10" s="410"/>
      <c r="AD10" s="410"/>
      <c r="AE10" s="410"/>
      <c r="AF10" s="410"/>
      <c r="AG10" s="410"/>
      <c r="AH10" s="410"/>
      <c r="AI10" s="410"/>
      <c r="AJ10" s="410"/>
      <c r="AK10" s="410"/>
      <c r="AL10" s="601"/>
      <c r="AM10" s="516" t="s">
        <v>117</v>
      </c>
      <c r="AN10" s="416"/>
      <c r="AO10" s="416"/>
      <c r="AP10" s="416"/>
      <c r="AQ10" s="416"/>
      <c r="AR10" s="416"/>
      <c r="AS10" s="416"/>
      <c r="AT10" s="417"/>
      <c r="AU10" s="517" t="s">
        <v>118</v>
      </c>
      <c r="AV10" s="518"/>
      <c r="AW10" s="518"/>
      <c r="AX10" s="518"/>
      <c r="AY10" s="473" t="s">
        <v>119</v>
      </c>
      <c r="AZ10" s="474"/>
      <c r="BA10" s="474"/>
      <c r="BB10" s="474"/>
      <c r="BC10" s="474"/>
      <c r="BD10" s="474"/>
      <c r="BE10" s="474"/>
      <c r="BF10" s="474"/>
      <c r="BG10" s="474"/>
      <c r="BH10" s="474"/>
      <c r="BI10" s="474"/>
      <c r="BJ10" s="474"/>
      <c r="BK10" s="474"/>
      <c r="BL10" s="474"/>
      <c r="BM10" s="475"/>
      <c r="BN10" s="459">
        <v>210000</v>
      </c>
      <c r="BO10" s="460"/>
      <c r="BP10" s="460"/>
      <c r="BQ10" s="460"/>
      <c r="BR10" s="460"/>
      <c r="BS10" s="460"/>
      <c r="BT10" s="460"/>
      <c r="BU10" s="461"/>
      <c r="BV10" s="459">
        <v>130000</v>
      </c>
      <c r="BW10" s="460"/>
      <c r="BX10" s="460"/>
      <c r="BY10" s="460"/>
      <c r="BZ10" s="460"/>
      <c r="CA10" s="460"/>
      <c r="CB10" s="460"/>
      <c r="CC10" s="461"/>
      <c r="CD10" s="181" t="s">
        <v>120</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1"/>
      <c r="C11" s="592"/>
      <c r="D11" s="592"/>
      <c r="E11" s="592"/>
      <c r="F11" s="592"/>
      <c r="G11" s="592"/>
      <c r="H11" s="592"/>
      <c r="I11" s="592"/>
      <c r="J11" s="592"/>
      <c r="K11" s="510"/>
      <c r="L11" s="420" t="s">
        <v>121</v>
      </c>
      <c r="M11" s="421"/>
      <c r="N11" s="421"/>
      <c r="O11" s="421"/>
      <c r="P11" s="421"/>
      <c r="Q11" s="422"/>
      <c r="R11" s="588" t="s">
        <v>122</v>
      </c>
      <c r="S11" s="589"/>
      <c r="T11" s="589"/>
      <c r="U11" s="589"/>
      <c r="V11" s="590"/>
      <c r="W11" s="600"/>
      <c r="X11" s="410"/>
      <c r="Y11" s="410"/>
      <c r="Z11" s="410"/>
      <c r="AA11" s="410"/>
      <c r="AB11" s="410"/>
      <c r="AC11" s="410"/>
      <c r="AD11" s="410"/>
      <c r="AE11" s="410"/>
      <c r="AF11" s="410"/>
      <c r="AG11" s="410"/>
      <c r="AH11" s="410"/>
      <c r="AI11" s="410"/>
      <c r="AJ11" s="410"/>
      <c r="AK11" s="410"/>
      <c r="AL11" s="601"/>
      <c r="AM11" s="516" t="s">
        <v>123</v>
      </c>
      <c r="AN11" s="416"/>
      <c r="AO11" s="416"/>
      <c r="AP11" s="416"/>
      <c r="AQ11" s="416"/>
      <c r="AR11" s="416"/>
      <c r="AS11" s="416"/>
      <c r="AT11" s="417"/>
      <c r="AU11" s="517" t="s">
        <v>93</v>
      </c>
      <c r="AV11" s="518"/>
      <c r="AW11" s="518"/>
      <c r="AX11" s="518"/>
      <c r="AY11" s="473" t="s">
        <v>124</v>
      </c>
      <c r="AZ11" s="474"/>
      <c r="BA11" s="474"/>
      <c r="BB11" s="474"/>
      <c r="BC11" s="474"/>
      <c r="BD11" s="474"/>
      <c r="BE11" s="474"/>
      <c r="BF11" s="474"/>
      <c r="BG11" s="474"/>
      <c r="BH11" s="474"/>
      <c r="BI11" s="474"/>
      <c r="BJ11" s="474"/>
      <c r="BK11" s="474"/>
      <c r="BL11" s="474"/>
      <c r="BM11" s="475"/>
      <c r="BN11" s="459">
        <v>0</v>
      </c>
      <c r="BO11" s="460"/>
      <c r="BP11" s="460"/>
      <c r="BQ11" s="460"/>
      <c r="BR11" s="460"/>
      <c r="BS11" s="460"/>
      <c r="BT11" s="460"/>
      <c r="BU11" s="461"/>
      <c r="BV11" s="459">
        <v>0</v>
      </c>
      <c r="BW11" s="460"/>
      <c r="BX11" s="460"/>
      <c r="BY11" s="460"/>
      <c r="BZ11" s="460"/>
      <c r="CA11" s="460"/>
      <c r="CB11" s="460"/>
      <c r="CC11" s="461"/>
      <c r="CD11" s="499" t="s">
        <v>125</v>
      </c>
      <c r="CE11" s="419"/>
      <c r="CF11" s="419"/>
      <c r="CG11" s="419"/>
      <c r="CH11" s="419"/>
      <c r="CI11" s="419"/>
      <c r="CJ11" s="419"/>
      <c r="CK11" s="419"/>
      <c r="CL11" s="419"/>
      <c r="CM11" s="419"/>
      <c r="CN11" s="419"/>
      <c r="CO11" s="419"/>
      <c r="CP11" s="419"/>
      <c r="CQ11" s="419"/>
      <c r="CR11" s="419"/>
      <c r="CS11" s="500"/>
      <c r="CT11" s="562" t="s">
        <v>126</v>
      </c>
      <c r="CU11" s="563"/>
      <c r="CV11" s="563"/>
      <c r="CW11" s="563"/>
      <c r="CX11" s="563"/>
      <c r="CY11" s="563"/>
      <c r="CZ11" s="563"/>
      <c r="DA11" s="564"/>
      <c r="DB11" s="562" t="s">
        <v>126</v>
      </c>
      <c r="DC11" s="563"/>
      <c r="DD11" s="563"/>
      <c r="DE11" s="563"/>
      <c r="DF11" s="563"/>
      <c r="DG11" s="563"/>
      <c r="DH11" s="563"/>
      <c r="DI11" s="564"/>
    </row>
    <row r="12" spans="1:119" ht="18.75" customHeight="1" x14ac:dyDescent="0.2">
      <c r="A12" s="178"/>
      <c r="B12" s="565" t="s">
        <v>127</v>
      </c>
      <c r="C12" s="566"/>
      <c r="D12" s="566"/>
      <c r="E12" s="566"/>
      <c r="F12" s="566"/>
      <c r="G12" s="566"/>
      <c r="H12" s="566"/>
      <c r="I12" s="566"/>
      <c r="J12" s="566"/>
      <c r="K12" s="567"/>
      <c r="L12" s="574" t="s">
        <v>128</v>
      </c>
      <c r="M12" s="575"/>
      <c r="N12" s="575"/>
      <c r="O12" s="575"/>
      <c r="P12" s="575"/>
      <c r="Q12" s="576"/>
      <c r="R12" s="577">
        <v>6984</v>
      </c>
      <c r="S12" s="578"/>
      <c r="T12" s="578"/>
      <c r="U12" s="578"/>
      <c r="V12" s="579"/>
      <c r="W12" s="580" t="s">
        <v>1</v>
      </c>
      <c r="X12" s="518"/>
      <c r="Y12" s="518"/>
      <c r="Z12" s="518"/>
      <c r="AA12" s="518"/>
      <c r="AB12" s="581"/>
      <c r="AC12" s="582" t="s">
        <v>129</v>
      </c>
      <c r="AD12" s="583"/>
      <c r="AE12" s="583"/>
      <c r="AF12" s="583"/>
      <c r="AG12" s="584"/>
      <c r="AH12" s="582" t="s">
        <v>130</v>
      </c>
      <c r="AI12" s="583"/>
      <c r="AJ12" s="583"/>
      <c r="AK12" s="583"/>
      <c r="AL12" s="585"/>
      <c r="AM12" s="516" t="s">
        <v>131</v>
      </c>
      <c r="AN12" s="416"/>
      <c r="AO12" s="416"/>
      <c r="AP12" s="416"/>
      <c r="AQ12" s="416"/>
      <c r="AR12" s="416"/>
      <c r="AS12" s="416"/>
      <c r="AT12" s="417"/>
      <c r="AU12" s="517" t="s">
        <v>132</v>
      </c>
      <c r="AV12" s="518"/>
      <c r="AW12" s="518"/>
      <c r="AX12" s="518"/>
      <c r="AY12" s="473" t="s">
        <v>133</v>
      </c>
      <c r="AZ12" s="474"/>
      <c r="BA12" s="474"/>
      <c r="BB12" s="474"/>
      <c r="BC12" s="474"/>
      <c r="BD12" s="474"/>
      <c r="BE12" s="474"/>
      <c r="BF12" s="474"/>
      <c r="BG12" s="474"/>
      <c r="BH12" s="474"/>
      <c r="BI12" s="474"/>
      <c r="BJ12" s="474"/>
      <c r="BK12" s="474"/>
      <c r="BL12" s="474"/>
      <c r="BM12" s="475"/>
      <c r="BN12" s="459">
        <v>135000</v>
      </c>
      <c r="BO12" s="460"/>
      <c r="BP12" s="460"/>
      <c r="BQ12" s="460"/>
      <c r="BR12" s="460"/>
      <c r="BS12" s="460"/>
      <c r="BT12" s="460"/>
      <c r="BU12" s="461"/>
      <c r="BV12" s="459">
        <v>160000</v>
      </c>
      <c r="BW12" s="460"/>
      <c r="BX12" s="460"/>
      <c r="BY12" s="460"/>
      <c r="BZ12" s="460"/>
      <c r="CA12" s="460"/>
      <c r="CB12" s="460"/>
      <c r="CC12" s="461"/>
      <c r="CD12" s="499" t="s">
        <v>134</v>
      </c>
      <c r="CE12" s="419"/>
      <c r="CF12" s="419"/>
      <c r="CG12" s="419"/>
      <c r="CH12" s="419"/>
      <c r="CI12" s="419"/>
      <c r="CJ12" s="419"/>
      <c r="CK12" s="419"/>
      <c r="CL12" s="419"/>
      <c r="CM12" s="419"/>
      <c r="CN12" s="419"/>
      <c r="CO12" s="419"/>
      <c r="CP12" s="419"/>
      <c r="CQ12" s="419"/>
      <c r="CR12" s="419"/>
      <c r="CS12" s="500"/>
      <c r="CT12" s="562" t="s">
        <v>126</v>
      </c>
      <c r="CU12" s="563"/>
      <c r="CV12" s="563"/>
      <c r="CW12" s="563"/>
      <c r="CX12" s="563"/>
      <c r="CY12" s="563"/>
      <c r="CZ12" s="563"/>
      <c r="DA12" s="564"/>
      <c r="DB12" s="562" t="s">
        <v>126</v>
      </c>
      <c r="DC12" s="563"/>
      <c r="DD12" s="563"/>
      <c r="DE12" s="563"/>
      <c r="DF12" s="563"/>
      <c r="DG12" s="563"/>
      <c r="DH12" s="563"/>
      <c r="DI12" s="564"/>
    </row>
    <row r="13" spans="1:119" ht="18.75" customHeight="1" x14ac:dyDescent="0.2">
      <c r="A13" s="178"/>
      <c r="B13" s="568"/>
      <c r="C13" s="569"/>
      <c r="D13" s="569"/>
      <c r="E13" s="569"/>
      <c r="F13" s="569"/>
      <c r="G13" s="569"/>
      <c r="H13" s="569"/>
      <c r="I13" s="569"/>
      <c r="J13" s="569"/>
      <c r="K13" s="570"/>
      <c r="L13" s="187"/>
      <c r="M13" s="543" t="s">
        <v>135</v>
      </c>
      <c r="N13" s="544"/>
      <c r="O13" s="544"/>
      <c r="P13" s="544"/>
      <c r="Q13" s="545"/>
      <c r="R13" s="546">
        <v>6916</v>
      </c>
      <c r="S13" s="547"/>
      <c r="T13" s="547"/>
      <c r="U13" s="547"/>
      <c r="V13" s="548"/>
      <c r="W13" s="549" t="s">
        <v>136</v>
      </c>
      <c r="X13" s="445"/>
      <c r="Y13" s="445"/>
      <c r="Z13" s="445"/>
      <c r="AA13" s="445"/>
      <c r="AB13" s="446"/>
      <c r="AC13" s="412">
        <v>87</v>
      </c>
      <c r="AD13" s="413"/>
      <c r="AE13" s="413"/>
      <c r="AF13" s="413"/>
      <c r="AG13" s="414"/>
      <c r="AH13" s="412">
        <v>101</v>
      </c>
      <c r="AI13" s="413"/>
      <c r="AJ13" s="413"/>
      <c r="AK13" s="413"/>
      <c r="AL13" s="472"/>
      <c r="AM13" s="516" t="s">
        <v>137</v>
      </c>
      <c r="AN13" s="416"/>
      <c r="AO13" s="416"/>
      <c r="AP13" s="416"/>
      <c r="AQ13" s="416"/>
      <c r="AR13" s="416"/>
      <c r="AS13" s="416"/>
      <c r="AT13" s="417"/>
      <c r="AU13" s="517" t="s">
        <v>138</v>
      </c>
      <c r="AV13" s="518"/>
      <c r="AW13" s="518"/>
      <c r="AX13" s="518"/>
      <c r="AY13" s="473" t="s">
        <v>139</v>
      </c>
      <c r="AZ13" s="474"/>
      <c r="BA13" s="474"/>
      <c r="BB13" s="474"/>
      <c r="BC13" s="474"/>
      <c r="BD13" s="474"/>
      <c r="BE13" s="474"/>
      <c r="BF13" s="474"/>
      <c r="BG13" s="474"/>
      <c r="BH13" s="474"/>
      <c r="BI13" s="474"/>
      <c r="BJ13" s="474"/>
      <c r="BK13" s="474"/>
      <c r="BL13" s="474"/>
      <c r="BM13" s="475"/>
      <c r="BN13" s="459">
        <v>260441</v>
      </c>
      <c r="BO13" s="460"/>
      <c r="BP13" s="460"/>
      <c r="BQ13" s="460"/>
      <c r="BR13" s="460"/>
      <c r="BS13" s="460"/>
      <c r="BT13" s="460"/>
      <c r="BU13" s="461"/>
      <c r="BV13" s="459">
        <v>-48736</v>
      </c>
      <c r="BW13" s="460"/>
      <c r="BX13" s="460"/>
      <c r="BY13" s="460"/>
      <c r="BZ13" s="460"/>
      <c r="CA13" s="460"/>
      <c r="CB13" s="460"/>
      <c r="CC13" s="461"/>
      <c r="CD13" s="499" t="s">
        <v>140</v>
      </c>
      <c r="CE13" s="419"/>
      <c r="CF13" s="419"/>
      <c r="CG13" s="419"/>
      <c r="CH13" s="419"/>
      <c r="CI13" s="419"/>
      <c r="CJ13" s="419"/>
      <c r="CK13" s="419"/>
      <c r="CL13" s="419"/>
      <c r="CM13" s="419"/>
      <c r="CN13" s="419"/>
      <c r="CO13" s="419"/>
      <c r="CP13" s="419"/>
      <c r="CQ13" s="419"/>
      <c r="CR13" s="419"/>
      <c r="CS13" s="500"/>
      <c r="CT13" s="456">
        <v>12</v>
      </c>
      <c r="CU13" s="457"/>
      <c r="CV13" s="457"/>
      <c r="CW13" s="457"/>
      <c r="CX13" s="457"/>
      <c r="CY13" s="457"/>
      <c r="CZ13" s="457"/>
      <c r="DA13" s="458"/>
      <c r="DB13" s="456">
        <v>11.9</v>
      </c>
      <c r="DC13" s="457"/>
      <c r="DD13" s="457"/>
      <c r="DE13" s="457"/>
      <c r="DF13" s="457"/>
      <c r="DG13" s="457"/>
      <c r="DH13" s="457"/>
      <c r="DI13" s="458"/>
    </row>
    <row r="14" spans="1:119" ht="18.75" customHeight="1" thickBot="1" x14ac:dyDescent="0.25">
      <c r="A14" s="178"/>
      <c r="B14" s="568"/>
      <c r="C14" s="569"/>
      <c r="D14" s="569"/>
      <c r="E14" s="569"/>
      <c r="F14" s="569"/>
      <c r="G14" s="569"/>
      <c r="H14" s="569"/>
      <c r="I14" s="569"/>
      <c r="J14" s="569"/>
      <c r="K14" s="570"/>
      <c r="L14" s="533" t="s">
        <v>141</v>
      </c>
      <c r="M14" s="586"/>
      <c r="N14" s="586"/>
      <c r="O14" s="586"/>
      <c r="P14" s="586"/>
      <c r="Q14" s="587"/>
      <c r="R14" s="546">
        <v>7115</v>
      </c>
      <c r="S14" s="547"/>
      <c r="T14" s="547"/>
      <c r="U14" s="547"/>
      <c r="V14" s="548"/>
      <c r="W14" s="550"/>
      <c r="X14" s="448"/>
      <c r="Y14" s="448"/>
      <c r="Z14" s="448"/>
      <c r="AA14" s="448"/>
      <c r="AB14" s="449"/>
      <c r="AC14" s="539">
        <v>2.8</v>
      </c>
      <c r="AD14" s="540"/>
      <c r="AE14" s="540"/>
      <c r="AF14" s="540"/>
      <c r="AG14" s="541"/>
      <c r="AH14" s="539">
        <v>2.9</v>
      </c>
      <c r="AI14" s="540"/>
      <c r="AJ14" s="540"/>
      <c r="AK14" s="540"/>
      <c r="AL14" s="542"/>
      <c r="AM14" s="516"/>
      <c r="AN14" s="416"/>
      <c r="AO14" s="416"/>
      <c r="AP14" s="416"/>
      <c r="AQ14" s="416"/>
      <c r="AR14" s="416"/>
      <c r="AS14" s="416"/>
      <c r="AT14" s="417"/>
      <c r="AU14" s="517"/>
      <c r="AV14" s="518"/>
      <c r="AW14" s="518"/>
      <c r="AX14" s="518"/>
      <c r="AY14" s="473"/>
      <c r="AZ14" s="474"/>
      <c r="BA14" s="474"/>
      <c r="BB14" s="474"/>
      <c r="BC14" s="474"/>
      <c r="BD14" s="474"/>
      <c r="BE14" s="474"/>
      <c r="BF14" s="474"/>
      <c r="BG14" s="474"/>
      <c r="BH14" s="474"/>
      <c r="BI14" s="474"/>
      <c r="BJ14" s="474"/>
      <c r="BK14" s="474"/>
      <c r="BL14" s="474"/>
      <c r="BM14" s="475"/>
      <c r="BN14" s="459"/>
      <c r="BO14" s="460"/>
      <c r="BP14" s="460"/>
      <c r="BQ14" s="460"/>
      <c r="BR14" s="460"/>
      <c r="BS14" s="460"/>
      <c r="BT14" s="460"/>
      <c r="BU14" s="461"/>
      <c r="BV14" s="459"/>
      <c r="BW14" s="460"/>
      <c r="BX14" s="460"/>
      <c r="BY14" s="460"/>
      <c r="BZ14" s="460"/>
      <c r="CA14" s="460"/>
      <c r="CB14" s="460"/>
      <c r="CC14" s="461"/>
      <c r="CD14" s="496" t="s">
        <v>142</v>
      </c>
      <c r="CE14" s="497"/>
      <c r="CF14" s="497"/>
      <c r="CG14" s="497"/>
      <c r="CH14" s="497"/>
      <c r="CI14" s="497"/>
      <c r="CJ14" s="497"/>
      <c r="CK14" s="497"/>
      <c r="CL14" s="497"/>
      <c r="CM14" s="497"/>
      <c r="CN14" s="497"/>
      <c r="CO14" s="497"/>
      <c r="CP14" s="497"/>
      <c r="CQ14" s="497"/>
      <c r="CR14" s="497"/>
      <c r="CS14" s="498"/>
      <c r="CT14" s="556">
        <v>106</v>
      </c>
      <c r="CU14" s="557"/>
      <c r="CV14" s="557"/>
      <c r="CW14" s="557"/>
      <c r="CX14" s="557"/>
      <c r="CY14" s="557"/>
      <c r="CZ14" s="557"/>
      <c r="DA14" s="558"/>
      <c r="DB14" s="556">
        <v>140.1</v>
      </c>
      <c r="DC14" s="557"/>
      <c r="DD14" s="557"/>
      <c r="DE14" s="557"/>
      <c r="DF14" s="557"/>
      <c r="DG14" s="557"/>
      <c r="DH14" s="557"/>
      <c r="DI14" s="558"/>
    </row>
    <row r="15" spans="1:119" ht="18.75" customHeight="1" x14ac:dyDescent="0.2">
      <c r="A15" s="178"/>
      <c r="B15" s="568"/>
      <c r="C15" s="569"/>
      <c r="D15" s="569"/>
      <c r="E15" s="569"/>
      <c r="F15" s="569"/>
      <c r="G15" s="569"/>
      <c r="H15" s="569"/>
      <c r="I15" s="569"/>
      <c r="J15" s="569"/>
      <c r="K15" s="570"/>
      <c r="L15" s="187"/>
      <c r="M15" s="543" t="s">
        <v>143</v>
      </c>
      <c r="N15" s="544"/>
      <c r="O15" s="544"/>
      <c r="P15" s="544"/>
      <c r="Q15" s="545"/>
      <c r="R15" s="546">
        <v>7045</v>
      </c>
      <c r="S15" s="547"/>
      <c r="T15" s="547"/>
      <c r="U15" s="547"/>
      <c r="V15" s="548"/>
      <c r="W15" s="549" t="s">
        <v>144</v>
      </c>
      <c r="X15" s="445"/>
      <c r="Y15" s="445"/>
      <c r="Z15" s="445"/>
      <c r="AA15" s="445"/>
      <c r="AB15" s="446"/>
      <c r="AC15" s="412">
        <v>548</v>
      </c>
      <c r="AD15" s="413"/>
      <c r="AE15" s="413"/>
      <c r="AF15" s="413"/>
      <c r="AG15" s="414"/>
      <c r="AH15" s="412">
        <v>720</v>
      </c>
      <c r="AI15" s="413"/>
      <c r="AJ15" s="413"/>
      <c r="AK15" s="413"/>
      <c r="AL15" s="472"/>
      <c r="AM15" s="516"/>
      <c r="AN15" s="416"/>
      <c r="AO15" s="416"/>
      <c r="AP15" s="416"/>
      <c r="AQ15" s="416"/>
      <c r="AR15" s="416"/>
      <c r="AS15" s="416"/>
      <c r="AT15" s="417"/>
      <c r="AU15" s="517"/>
      <c r="AV15" s="518"/>
      <c r="AW15" s="518"/>
      <c r="AX15" s="518"/>
      <c r="AY15" s="485" t="s">
        <v>145</v>
      </c>
      <c r="AZ15" s="486"/>
      <c r="BA15" s="486"/>
      <c r="BB15" s="486"/>
      <c r="BC15" s="486"/>
      <c r="BD15" s="486"/>
      <c r="BE15" s="486"/>
      <c r="BF15" s="486"/>
      <c r="BG15" s="486"/>
      <c r="BH15" s="486"/>
      <c r="BI15" s="486"/>
      <c r="BJ15" s="486"/>
      <c r="BK15" s="486"/>
      <c r="BL15" s="486"/>
      <c r="BM15" s="487"/>
      <c r="BN15" s="488">
        <v>833560</v>
      </c>
      <c r="BO15" s="489"/>
      <c r="BP15" s="489"/>
      <c r="BQ15" s="489"/>
      <c r="BR15" s="489"/>
      <c r="BS15" s="489"/>
      <c r="BT15" s="489"/>
      <c r="BU15" s="490"/>
      <c r="BV15" s="488">
        <v>857231</v>
      </c>
      <c r="BW15" s="489"/>
      <c r="BX15" s="489"/>
      <c r="BY15" s="489"/>
      <c r="BZ15" s="489"/>
      <c r="CA15" s="489"/>
      <c r="CB15" s="489"/>
      <c r="CC15" s="490"/>
      <c r="CD15" s="559" t="s">
        <v>146</v>
      </c>
      <c r="CE15" s="560"/>
      <c r="CF15" s="560"/>
      <c r="CG15" s="560"/>
      <c r="CH15" s="560"/>
      <c r="CI15" s="560"/>
      <c r="CJ15" s="560"/>
      <c r="CK15" s="560"/>
      <c r="CL15" s="560"/>
      <c r="CM15" s="560"/>
      <c r="CN15" s="560"/>
      <c r="CO15" s="560"/>
      <c r="CP15" s="560"/>
      <c r="CQ15" s="560"/>
      <c r="CR15" s="560"/>
      <c r="CS15" s="561"/>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8"/>
      <c r="C16" s="569"/>
      <c r="D16" s="569"/>
      <c r="E16" s="569"/>
      <c r="F16" s="569"/>
      <c r="G16" s="569"/>
      <c r="H16" s="569"/>
      <c r="I16" s="569"/>
      <c r="J16" s="569"/>
      <c r="K16" s="570"/>
      <c r="L16" s="533" t="s">
        <v>147</v>
      </c>
      <c r="M16" s="534"/>
      <c r="N16" s="534"/>
      <c r="O16" s="534"/>
      <c r="P16" s="534"/>
      <c r="Q16" s="535"/>
      <c r="R16" s="536" t="s">
        <v>148</v>
      </c>
      <c r="S16" s="537"/>
      <c r="T16" s="537"/>
      <c r="U16" s="537"/>
      <c r="V16" s="538"/>
      <c r="W16" s="550"/>
      <c r="X16" s="448"/>
      <c r="Y16" s="448"/>
      <c r="Z16" s="448"/>
      <c r="AA16" s="448"/>
      <c r="AB16" s="449"/>
      <c r="AC16" s="539">
        <v>17.899999999999999</v>
      </c>
      <c r="AD16" s="540"/>
      <c r="AE16" s="540"/>
      <c r="AF16" s="540"/>
      <c r="AG16" s="541"/>
      <c r="AH16" s="539">
        <v>21</v>
      </c>
      <c r="AI16" s="540"/>
      <c r="AJ16" s="540"/>
      <c r="AK16" s="540"/>
      <c r="AL16" s="542"/>
      <c r="AM16" s="516"/>
      <c r="AN16" s="416"/>
      <c r="AO16" s="416"/>
      <c r="AP16" s="416"/>
      <c r="AQ16" s="416"/>
      <c r="AR16" s="416"/>
      <c r="AS16" s="416"/>
      <c r="AT16" s="417"/>
      <c r="AU16" s="517"/>
      <c r="AV16" s="518"/>
      <c r="AW16" s="518"/>
      <c r="AX16" s="518"/>
      <c r="AY16" s="473" t="s">
        <v>149</v>
      </c>
      <c r="AZ16" s="474"/>
      <c r="BA16" s="474"/>
      <c r="BB16" s="474"/>
      <c r="BC16" s="474"/>
      <c r="BD16" s="474"/>
      <c r="BE16" s="474"/>
      <c r="BF16" s="474"/>
      <c r="BG16" s="474"/>
      <c r="BH16" s="474"/>
      <c r="BI16" s="474"/>
      <c r="BJ16" s="474"/>
      <c r="BK16" s="474"/>
      <c r="BL16" s="474"/>
      <c r="BM16" s="475"/>
      <c r="BN16" s="459">
        <v>2141236</v>
      </c>
      <c r="BO16" s="460"/>
      <c r="BP16" s="460"/>
      <c r="BQ16" s="460"/>
      <c r="BR16" s="460"/>
      <c r="BS16" s="460"/>
      <c r="BT16" s="460"/>
      <c r="BU16" s="461"/>
      <c r="BV16" s="459">
        <v>1959746</v>
      </c>
      <c r="BW16" s="460"/>
      <c r="BX16" s="460"/>
      <c r="BY16" s="460"/>
      <c r="BZ16" s="460"/>
      <c r="CA16" s="460"/>
      <c r="CB16" s="460"/>
      <c r="CC16" s="461"/>
      <c r="CD16" s="191"/>
      <c r="CE16" s="491"/>
      <c r="CF16" s="491"/>
      <c r="CG16" s="491"/>
      <c r="CH16" s="491"/>
      <c r="CI16" s="491"/>
      <c r="CJ16" s="491"/>
      <c r="CK16" s="491"/>
      <c r="CL16" s="491"/>
      <c r="CM16" s="491"/>
      <c r="CN16" s="491"/>
      <c r="CO16" s="491"/>
      <c r="CP16" s="491"/>
      <c r="CQ16" s="491"/>
      <c r="CR16" s="491"/>
      <c r="CS16" s="492"/>
      <c r="CT16" s="456"/>
      <c r="CU16" s="457"/>
      <c r="CV16" s="457"/>
      <c r="CW16" s="457"/>
      <c r="CX16" s="457"/>
      <c r="CY16" s="457"/>
      <c r="CZ16" s="457"/>
      <c r="DA16" s="458"/>
      <c r="DB16" s="456"/>
      <c r="DC16" s="457"/>
      <c r="DD16" s="457"/>
      <c r="DE16" s="457"/>
      <c r="DF16" s="457"/>
      <c r="DG16" s="457"/>
      <c r="DH16" s="457"/>
      <c r="DI16" s="458"/>
    </row>
    <row r="17" spans="1:113" ht="18.75" customHeight="1" thickBot="1" x14ac:dyDescent="0.25">
      <c r="A17" s="178"/>
      <c r="B17" s="571"/>
      <c r="C17" s="572"/>
      <c r="D17" s="572"/>
      <c r="E17" s="572"/>
      <c r="F17" s="572"/>
      <c r="G17" s="572"/>
      <c r="H17" s="572"/>
      <c r="I17" s="572"/>
      <c r="J17" s="572"/>
      <c r="K17" s="573"/>
      <c r="L17" s="192"/>
      <c r="M17" s="552" t="s">
        <v>150</v>
      </c>
      <c r="N17" s="553"/>
      <c r="O17" s="553"/>
      <c r="P17" s="553"/>
      <c r="Q17" s="554"/>
      <c r="R17" s="536" t="s">
        <v>151</v>
      </c>
      <c r="S17" s="537"/>
      <c r="T17" s="537"/>
      <c r="U17" s="537"/>
      <c r="V17" s="538"/>
      <c r="W17" s="549" t="s">
        <v>152</v>
      </c>
      <c r="X17" s="445"/>
      <c r="Y17" s="445"/>
      <c r="Z17" s="445"/>
      <c r="AA17" s="445"/>
      <c r="AB17" s="446"/>
      <c r="AC17" s="412">
        <v>2422</v>
      </c>
      <c r="AD17" s="413"/>
      <c r="AE17" s="413"/>
      <c r="AF17" s="413"/>
      <c r="AG17" s="414"/>
      <c r="AH17" s="412">
        <v>2603</v>
      </c>
      <c r="AI17" s="413"/>
      <c r="AJ17" s="413"/>
      <c r="AK17" s="413"/>
      <c r="AL17" s="472"/>
      <c r="AM17" s="516"/>
      <c r="AN17" s="416"/>
      <c r="AO17" s="416"/>
      <c r="AP17" s="416"/>
      <c r="AQ17" s="416"/>
      <c r="AR17" s="416"/>
      <c r="AS17" s="416"/>
      <c r="AT17" s="417"/>
      <c r="AU17" s="517"/>
      <c r="AV17" s="518"/>
      <c r="AW17" s="518"/>
      <c r="AX17" s="518"/>
      <c r="AY17" s="473" t="s">
        <v>153</v>
      </c>
      <c r="AZ17" s="474"/>
      <c r="BA17" s="474"/>
      <c r="BB17" s="474"/>
      <c r="BC17" s="474"/>
      <c r="BD17" s="474"/>
      <c r="BE17" s="474"/>
      <c r="BF17" s="474"/>
      <c r="BG17" s="474"/>
      <c r="BH17" s="474"/>
      <c r="BI17" s="474"/>
      <c r="BJ17" s="474"/>
      <c r="BK17" s="474"/>
      <c r="BL17" s="474"/>
      <c r="BM17" s="475"/>
      <c r="BN17" s="459">
        <v>1055953</v>
      </c>
      <c r="BO17" s="460"/>
      <c r="BP17" s="460"/>
      <c r="BQ17" s="460"/>
      <c r="BR17" s="460"/>
      <c r="BS17" s="460"/>
      <c r="BT17" s="460"/>
      <c r="BU17" s="461"/>
      <c r="BV17" s="459">
        <v>1088320</v>
      </c>
      <c r="BW17" s="460"/>
      <c r="BX17" s="460"/>
      <c r="BY17" s="460"/>
      <c r="BZ17" s="460"/>
      <c r="CA17" s="460"/>
      <c r="CB17" s="460"/>
      <c r="CC17" s="461"/>
      <c r="CD17" s="191"/>
      <c r="CE17" s="491"/>
      <c r="CF17" s="491"/>
      <c r="CG17" s="491"/>
      <c r="CH17" s="491"/>
      <c r="CI17" s="491"/>
      <c r="CJ17" s="491"/>
      <c r="CK17" s="491"/>
      <c r="CL17" s="491"/>
      <c r="CM17" s="491"/>
      <c r="CN17" s="491"/>
      <c r="CO17" s="491"/>
      <c r="CP17" s="491"/>
      <c r="CQ17" s="491"/>
      <c r="CR17" s="491"/>
      <c r="CS17" s="492"/>
      <c r="CT17" s="456"/>
      <c r="CU17" s="457"/>
      <c r="CV17" s="457"/>
      <c r="CW17" s="457"/>
      <c r="CX17" s="457"/>
      <c r="CY17" s="457"/>
      <c r="CZ17" s="457"/>
      <c r="DA17" s="458"/>
      <c r="DB17" s="456"/>
      <c r="DC17" s="457"/>
      <c r="DD17" s="457"/>
      <c r="DE17" s="457"/>
      <c r="DF17" s="457"/>
      <c r="DG17" s="457"/>
      <c r="DH17" s="457"/>
      <c r="DI17" s="458"/>
    </row>
    <row r="18" spans="1:113" ht="18.75" customHeight="1" thickBot="1" x14ac:dyDescent="0.25">
      <c r="A18" s="178"/>
      <c r="B18" s="509" t="s">
        <v>154</v>
      </c>
      <c r="C18" s="510"/>
      <c r="D18" s="510"/>
      <c r="E18" s="511"/>
      <c r="F18" s="511"/>
      <c r="G18" s="511"/>
      <c r="H18" s="511"/>
      <c r="I18" s="511"/>
      <c r="J18" s="511"/>
      <c r="K18" s="511"/>
      <c r="L18" s="512">
        <v>7.05</v>
      </c>
      <c r="M18" s="512"/>
      <c r="N18" s="512"/>
      <c r="O18" s="512"/>
      <c r="P18" s="512"/>
      <c r="Q18" s="512"/>
      <c r="R18" s="513"/>
      <c r="S18" s="513"/>
      <c r="T18" s="513"/>
      <c r="U18" s="513"/>
      <c r="V18" s="514"/>
      <c r="W18" s="530"/>
      <c r="X18" s="531"/>
      <c r="Y18" s="531"/>
      <c r="Z18" s="531"/>
      <c r="AA18" s="531"/>
      <c r="AB18" s="555"/>
      <c r="AC18" s="429">
        <v>79.2</v>
      </c>
      <c r="AD18" s="430"/>
      <c r="AE18" s="430"/>
      <c r="AF18" s="430"/>
      <c r="AG18" s="515"/>
      <c r="AH18" s="429">
        <v>76</v>
      </c>
      <c r="AI18" s="430"/>
      <c r="AJ18" s="430"/>
      <c r="AK18" s="430"/>
      <c r="AL18" s="431"/>
      <c r="AM18" s="516"/>
      <c r="AN18" s="416"/>
      <c r="AO18" s="416"/>
      <c r="AP18" s="416"/>
      <c r="AQ18" s="416"/>
      <c r="AR18" s="416"/>
      <c r="AS18" s="416"/>
      <c r="AT18" s="417"/>
      <c r="AU18" s="517"/>
      <c r="AV18" s="518"/>
      <c r="AW18" s="518"/>
      <c r="AX18" s="518"/>
      <c r="AY18" s="473" t="s">
        <v>155</v>
      </c>
      <c r="AZ18" s="474"/>
      <c r="BA18" s="474"/>
      <c r="BB18" s="474"/>
      <c r="BC18" s="474"/>
      <c r="BD18" s="474"/>
      <c r="BE18" s="474"/>
      <c r="BF18" s="474"/>
      <c r="BG18" s="474"/>
      <c r="BH18" s="474"/>
      <c r="BI18" s="474"/>
      <c r="BJ18" s="474"/>
      <c r="BK18" s="474"/>
      <c r="BL18" s="474"/>
      <c r="BM18" s="475"/>
      <c r="BN18" s="459">
        <v>2249677</v>
      </c>
      <c r="BO18" s="460"/>
      <c r="BP18" s="460"/>
      <c r="BQ18" s="460"/>
      <c r="BR18" s="460"/>
      <c r="BS18" s="460"/>
      <c r="BT18" s="460"/>
      <c r="BU18" s="461"/>
      <c r="BV18" s="459">
        <v>2303333</v>
      </c>
      <c r="BW18" s="460"/>
      <c r="BX18" s="460"/>
      <c r="BY18" s="460"/>
      <c r="BZ18" s="460"/>
      <c r="CA18" s="460"/>
      <c r="CB18" s="460"/>
      <c r="CC18" s="461"/>
      <c r="CD18" s="191"/>
      <c r="CE18" s="491"/>
      <c r="CF18" s="491"/>
      <c r="CG18" s="491"/>
      <c r="CH18" s="491"/>
      <c r="CI18" s="491"/>
      <c r="CJ18" s="491"/>
      <c r="CK18" s="491"/>
      <c r="CL18" s="491"/>
      <c r="CM18" s="491"/>
      <c r="CN18" s="491"/>
      <c r="CO18" s="491"/>
      <c r="CP18" s="491"/>
      <c r="CQ18" s="491"/>
      <c r="CR18" s="491"/>
      <c r="CS18" s="492"/>
      <c r="CT18" s="456"/>
      <c r="CU18" s="457"/>
      <c r="CV18" s="457"/>
      <c r="CW18" s="457"/>
      <c r="CX18" s="457"/>
      <c r="CY18" s="457"/>
      <c r="CZ18" s="457"/>
      <c r="DA18" s="458"/>
      <c r="DB18" s="456"/>
      <c r="DC18" s="457"/>
      <c r="DD18" s="457"/>
      <c r="DE18" s="457"/>
      <c r="DF18" s="457"/>
      <c r="DG18" s="457"/>
      <c r="DH18" s="457"/>
      <c r="DI18" s="458"/>
    </row>
    <row r="19" spans="1:113" ht="18.75" customHeight="1" thickBot="1" x14ac:dyDescent="0.25">
      <c r="A19" s="178"/>
      <c r="B19" s="509" t="s">
        <v>156</v>
      </c>
      <c r="C19" s="510"/>
      <c r="D19" s="510"/>
      <c r="E19" s="511"/>
      <c r="F19" s="511"/>
      <c r="G19" s="511"/>
      <c r="H19" s="511"/>
      <c r="I19" s="511"/>
      <c r="J19" s="511"/>
      <c r="K19" s="511"/>
      <c r="L19" s="519">
        <v>953</v>
      </c>
      <c r="M19" s="519"/>
      <c r="N19" s="519"/>
      <c r="O19" s="519"/>
      <c r="P19" s="519"/>
      <c r="Q19" s="519"/>
      <c r="R19" s="520"/>
      <c r="S19" s="520"/>
      <c r="T19" s="520"/>
      <c r="U19" s="520"/>
      <c r="V19" s="521"/>
      <c r="W19" s="528"/>
      <c r="X19" s="529"/>
      <c r="Y19" s="529"/>
      <c r="Z19" s="529"/>
      <c r="AA19" s="529"/>
      <c r="AB19" s="529"/>
      <c r="AC19" s="532"/>
      <c r="AD19" s="532"/>
      <c r="AE19" s="532"/>
      <c r="AF19" s="532"/>
      <c r="AG19" s="532"/>
      <c r="AH19" s="532"/>
      <c r="AI19" s="532"/>
      <c r="AJ19" s="532"/>
      <c r="AK19" s="532"/>
      <c r="AL19" s="551"/>
      <c r="AM19" s="516"/>
      <c r="AN19" s="416"/>
      <c r="AO19" s="416"/>
      <c r="AP19" s="416"/>
      <c r="AQ19" s="416"/>
      <c r="AR19" s="416"/>
      <c r="AS19" s="416"/>
      <c r="AT19" s="417"/>
      <c r="AU19" s="517"/>
      <c r="AV19" s="518"/>
      <c r="AW19" s="518"/>
      <c r="AX19" s="518"/>
      <c r="AY19" s="473" t="s">
        <v>157</v>
      </c>
      <c r="AZ19" s="474"/>
      <c r="BA19" s="474"/>
      <c r="BB19" s="474"/>
      <c r="BC19" s="474"/>
      <c r="BD19" s="474"/>
      <c r="BE19" s="474"/>
      <c r="BF19" s="474"/>
      <c r="BG19" s="474"/>
      <c r="BH19" s="474"/>
      <c r="BI19" s="474"/>
      <c r="BJ19" s="474"/>
      <c r="BK19" s="474"/>
      <c r="BL19" s="474"/>
      <c r="BM19" s="475"/>
      <c r="BN19" s="459">
        <v>3229747</v>
      </c>
      <c r="BO19" s="460"/>
      <c r="BP19" s="460"/>
      <c r="BQ19" s="460"/>
      <c r="BR19" s="460"/>
      <c r="BS19" s="460"/>
      <c r="BT19" s="460"/>
      <c r="BU19" s="461"/>
      <c r="BV19" s="459">
        <v>3128916</v>
      </c>
      <c r="BW19" s="460"/>
      <c r="BX19" s="460"/>
      <c r="BY19" s="460"/>
      <c r="BZ19" s="460"/>
      <c r="CA19" s="460"/>
      <c r="CB19" s="460"/>
      <c r="CC19" s="461"/>
      <c r="CD19" s="191"/>
      <c r="CE19" s="491"/>
      <c r="CF19" s="491"/>
      <c r="CG19" s="491"/>
      <c r="CH19" s="491"/>
      <c r="CI19" s="491"/>
      <c r="CJ19" s="491"/>
      <c r="CK19" s="491"/>
      <c r="CL19" s="491"/>
      <c r="CM19" s="491"/>
      <c r="CN19" s="491"/>
      <c r="CO19" s="491"/>
      <c r="CP19" s="491"/>
      <c r="CQ19" s="491"/>
      <c r="CR19" s="491"/>
      <c r="CS19" s="492"/>
      <c r="CT19" s="456"/>
      <c r="CU19" s="457"/>
      <c r="CV19" s="457"/>
      <c r="CW19" s="457"/>
      <c r="CX19" s="457"/>
      <c r="CY19" s="457"/>
      <c r="CZ19" s="457"/>
      <c r="DA19" s="458"/>
      <c r="DB19" s="456"/>
      <c r="DC19" s="457"/>
      <c r="DD19" s="457"/>
      <c r="DE19" s="457"/>
      <c r="DF19" s="457"/>
      <c r="DG19" s="457"/>
      <c r="DH19" s="457"/>
      <c r="DI19" s="458"/>
    </row>
    <row r="20" spans="1:113" ht="18.75" customHeight="1" thickBot="1" x14ac:dyDescent="0.25">
      <c r="A20" s="178"/>
      <c r="B20" s="509" t="s">
        <v>158</v>
      </c>
      <c r="C20" s="510"/>
      <c r="D20" s="510"/>
      <c r="E20" s="511"/>
      <c r="F20" s="511"/>
      <c r="G20" s="511"/>
      <c r="H20" s="511"/>
      <c r="I20" s="511"/>
      <c r="J20" s="511"/>
      <c r="K20" s="511"/>
      <c r="L20" s="519">
        <v>2963</v>
      </c>
      <c r="M20" s="519"/>
      <c r="N20" s="519"/>
      <c r="O20" s="519"/>
      <c r="P20" s="519"/>
      <c r="Q20" s="519"/>
      <c r="R20" s="520"/>
      <c r="S20" s="520"/>
      <c r="T20" s="520"/>
      <c r="U20" s="520"/>
      <c r="V20" s="521"/>
      <c r="W20" s="530"/>
      <c r="X20" s="531"/>
      <c r="Y20" s="531"/>
      <c r="Z20" s="531"/>
      <c r="AA20" s="531"/>
      <c r="AB20" s="531"/>
      <c r="AC20" s="522"/>
      <c r="AD20" s="522"/>
      <c r="AE20" s="522"/>
      <c r="AF20" s="522"/>
      <c r="AG20" s="522"/>
      <c r="AH20" s="522"/>
      <c r="AI20" s="522"/>
      <c r="AJ20" s="522"/>
      <c r="AK20" s="522"/>
      <c r="AL20" s="523"/>
      <c r="AM20" s="524"/>
      <c r="AN20" s="421"/>
      <c r="AO20" s="421"/>
      <c r="AP20" s="421"/>
      <c r="AQ20" s="421"/>
      <c r="AR20" s="421"/>
      <c r="AS20" s="421"/>
      <c r="AT20" s="422"/>
      <c r="AU20" s="525"/>
      <c r="AV20" s="526"/>
      <c r="AW20" s="526"/>
      <c r="AX20" s="527"/>
      <c r="AY20" s="473"/>
      <c r="AZ20" s="474"/>
      <c r="BA20" s="474"/>
      <c r="BB20" s="474"/>
      <c r="BC20" s="474"/>
      <c r="BD20" s="474"/>
      <c r="BE20" s="474"/>
      <c r="BF20" s="474"/>
      <c r="BG20" s="474"/>
      <c r="BH20" s="474"/>
      <c r="BI20" s="474"/>
      <c r="BJ20" s="474"/>
      <c r="BK20" s="474"/>
      <c r="BL20" s="474"/>
      <c r="BM20" s="475"/>
      <c r="BN20" s="459"/>
      <c r="BO20" s="460"/>
      <c r="BP20" s="460"/>
      <c r="BQ20" s="460"/>
      <c r="BR20" s="460"/>
      <c r="BS20" s="460"/>
      <c r="BT20" s="460"/>
      <c r="BU20" s="461"/>
      <c r="BV20" s="459"/>
      <c r="BW20" s="460"/>
      <c r="BX20" s="460"/>
      <c r="BY20" s="460"/>
      <c r="BZ20" s="460"/>
      <c r="CA20" s="460"/>
      <c r="CB20" s="460"/>
      <c r="CC20" s="461"/>
      <c r="CD20" s="191"/>
      <c r="CE20" s="491"/>
      <c r="CF20" s="491"/>
      <c r="CG20" s="491"/>
      <c r="CH20" s="491"/>
      <c r="CI20" s="491"/>
      <c r="CJ20" s="491"/>
      <c r="CK20" s="491"/>
      <c r="CL20" s="491"/>
      <c r="CM20" s="491"/>
      <c r="CN20" s="491"/>
      <c r="CO20" s="491"/>
      <c r="CP20" s="491"/>
      <c r="CQ20" s="491"/>
      <c r="CR20" s="491"/>
      <c r="CS20" s="492"/>
      <c r="CT20" s="456"/>
      <c r="CU20" s="457"/>
      <c r="CV20" s="457"/>
      <c r="CW20" s="457"/>
      <c r="CX20" s="457"/>
      <c r="CY20" s="457"/>
      <c r="CZ20" s="457"/>
      <c r="DA20" s="458"/>
      <c r="DB20" s="456"/>
      <c r="DC20" s="457"/>
      <c r="DD20" s="457"/>
      <c r="DE20" s="457"/>
      <c r="DF20" s="457"/>
      <c r="DG20" s="457"/>
      <c r="DH20" s="457"/>
      <c r="DI20" s="458"/>
    </row>
    <row r="21" spans="1:113" ht="18.75" customHeight="1" thickBot="1" x14ac:dyDescent="0.25">
      <c r="A21" s="178"/>
      <c r="B21" s="506" t="s">
        <v>159</v>
      </c>
      <c r="C21" s="507"/>
      <c r="D21" s="507"/>
      <c r="E21" s="507"/>
      <c r="F21" s="507"/>
      <c r="G21" s="507"/>
      <c r="H21" s="507"/>
      <c r="I21" s="507"/>
      <c r="J21" s="507"/>
      <c r="K21" s="507"/>
      <c r="L21" s="507"/>
      <c r="M21" s="507"/>
      <c r="N21" s="507"/>
      <c r="O21" s="507"/>
      <c r="P21" s="507"/>
      <c r="Q21" s="507"/>
      <c r="R21" s="507"/>
      <c r="S21" s="507"/>
      <c r="T21" s="507"/>
      <c r="U21" s="507"/>
      <c r="V21" s="507"/>
      <c r="W21" s="507"/>
      <c r="X21" s="507"/>
      <c r="Y21" s="507"/>
      <c r="Z21" s="507"/>
      <c r="AA21" s="507"/>
      <c r="AB21" s="507"/>
      <c r="AC21" s="507"/>
      <c r="AD21" s="507"/>
      <c r="AE21" s="507"/>
      <c r="AF21" s="507"/>
      <c r="AG21" s="507"/>
      <c r="AH21" s="507"/>
      <c r="AI21" s="507"/>
      <c r="AJ21" s="507"/>
      <c r="AK21" s="507"/>
      <c r="AL21" s="507"/>
      <c r="AM21" s="507"/>
      <c r="AN21" s="507"/>
      <c r="AO21" s="507"/>
      <c r="AP21" s="507"/>
      <c r="AQ21" s="507"/>
      <c r="AR21" s="507"/>
      <c r="AS21" s="507"/>
      <c r="AT21" s="507"/>
      <c r="AU21" s="507"/>
      <c r="AV21" s="507"/>
      <c r="AW21" s="507"/>
      <c r="AX21" s="508"/>
      <c r="AY21" s="432"/>
      <c r="AZ21" s="433"/>
      <c r="BA21" s="433"/>
      <c r="BB21" s="433"/>
      <c r="BC21" s="433"/>
      <c r="BD21" s="433"/>
      <c r="BE21" s="433"/>
      <c r="BF21" s="433"/>
      <c r="BG21" s="433"/>
      <c r="BH21" s="433"/>
      <c r="BI21" s="433"/>
      <c r="BJ21" s="433"/>
      <c r="BK21" s="433"/>
      <c r="BL21" s="433"/>
      <c r="BM21" s="434"/>
      <c r="BN21" s="493"/>
      <c r="BO21" s="494"/>
      <c r="BP21" s="494"/>
      <c r="BQ21" s="494"/>
      <c r="BR21" s="494"/>
      <c r="BS21" s="494"/>
      <c r="BT21" s="494"/>
      <c r="BU21" s="495"/>
      <c r="BV21" s="493"/>
      <c r="BW21" s="494"/>
      <c r="BX21" s="494"/>
      <c r="BY21" s="494"/>
      <c r="BZ21" s="494"/>
      <c r="CA21" s="494"/>
      <c r="CB21" s="494"/>
      <c r="CC21" s="495"/>
      <c r="CD21" s="191"/>
      <c r="CE21" s="491"/>
      <c r="CF21" s="491"/>
      <c r="CG21" s="491"/>
      <c r="CH21" s="491"/>
      <c r="CI21" s="491"/>
      <c r="CJ21" s="491"/>
      <c r="CK21" s="491"/>
      <c r="CL21" s="491"/>
      <c r="CM21" s="491"/>
      <c r="CN21" s="491"/>
      <c r="CO21" s="491"/>
      <c r="CP21" s="491"/>
      <c r="CQ21" s="491"/>
      <c r="CR21" s="491"/>
      <c r="CS21" s="492"/>
      <c r="CT21" s="456"/>
      <c r="CU21" s="457"/>
      <c r="CV21" s="457"/>
      <c r="CW21" s="457"/>
      <c r="CX21" s="457"/>
      <c r="CY21" s="457"/>
      <c r="CZ21" s="457"/>
      <c r="DA21" s="458"/>
      <c r="DB21" s="456"/>
      <c r="DC21" s="457"/>
      <c r="DD21" s="457"/>
      <c r="DE21" s="457"/>
      <c r="DF21" s="457"/>
      <c r="DG21" s="457"/>
      <c r="DH21" s="457"/>
      <c r="DI21" s="458"/>
    </row>
    <row r="22" spans="1:113" ht="18.75" customHeight="1" x14ac:dyDescent="0.2">
      <c r="A22" s="178"/>
      <c r="B22" s="435" t="s">
        <v>160</v>
      </c>
      <c r="C22" s="436"/>
      <c r="D22" s="437"/>
      <c r="E22" s="444" t="s">
        <v>1</v>
      </c>
      <c r="F22" s="445"/>
      <c r="G22" s="445"/>
      <c r="H22" s="445"/>
      <c r="I22" s="445"/>
      <c r="J22" s="445"/>
      <c r="K22" s="446"/>
      <c r="L22" s="444" t="s">
        <v>161</v>
      </c>
      <c r="M22" s="445"/>
      <c r="N22" s="445"/>
      <c r="O22" s="445"/>
      <c r="P22" s="446"/>
      <c r="Q22" s="450" t="s">
        <v>162</v>
      </c>
      <c r="R22" s="451"/>
      <c r="S22" s="451"/>
      <c r="T22" s="451"/>
      <c r="U22" s="451"/>
      <c r="V22" s="452"/>
      <c r="W22" s="501" t="s">
        <v>163</v>
      </c>
      <c r="X22" s="436"/>
      <c r="Y22" s="437"/>
      <c r="Z22" s="444" t="s">
        <v>1</v>
      </c>
      <c r="AA22" s="445"/>
      <c r="AB22" s="445"/>
      <c r="AC22" s="445"/>
      <c r="AD22" s="445"/>
      <c r="AE22" s="445"/>
      <c r="AF22" s="445"/>
      <c r="AG22" s="446"/>
      <c r="AH22" s="462" t="s">
        <v>164</v>
      </c>
      <c r="AI22" s="445"/>
      <c r="AJ22" s="445"/>
      <c r="AK22" s="445"/>
      <c r="AL22" s="446"/>
      <c r="AM22" s="462" t="s">
        <v>165</v>
      </c>
      <c r="AN22" s="463"/>
      <c r="AO22" s="463"/>
      <c r="AP22" s="463"/>
      <c r="AQ22" s="463"/>
      <c r="AR22" s="464"/>
      <c r="AS22" s="450" t="s">
        <v>162</v>
      </c>
      <c r="AT22" s="451"/>
      <c r="AU22" s="451"/>
      <c r="AV22" s="451"/>
      <c r="AW22" s="451"/>
      <c r="AX22" s="468"/>
      <c r="AY22" s="485" t="s">
        <v>166</v>
      </c>
      <c r="AZ22" s="486"/>
      <c r="BA22" s="486"/>
      <c r="BB22" s="486"/>
      <c r="BC22" s="486"/>
      <c r="BD22" s="486"/>
      <c r="BE22" s="486"/>
      <c r="BF22" s="486"/>
      <c r="BG22" s="486"/>
      <c r="BH22" s="486"/>
      <c r="BI22" s="486"/>
      <c r="BJ22" s="486"/>
      <c r="BK22" s="486"/>
      <c r="BL22" s="486"/>
      <c r="BM22" s="487"/>
      <c r="BN22" s="488">
        <v>3464217</v>
      </c>
      <c r="BO22" s="489"/>
      <c r="BP22" s="489"/>
      <c r="BQ22" s="489"/>
      <c r="BR22" s="489"/>
      <c r="BS22" s="489"/>
      <c r="BT22" s="489"/>
      <c r="BU22" s="490"/>
      <c r="BV22" s="488">
        <v>3500474</v>
      </c>
      <c r="BW22" s="489"/>
      <c r="BX22" s="489"/>
      <c r="BY22" s="489"/>
      <c r="BZ22" s="489"/>
      <c r="CA22" s="489"/>
      <c r="CB22" s="489"/>
      <c r="CC22" s="490"/>
      <c r="CD22" s="191"/>
      <c r="CE22" s="491"/>
      <c r="CF22" s="491"/>
      <c r="CG22" s="491"/>
      <c r="CH22" s="491"/>
      <c r="CI22" s="491"/>
      <c r="CJ22" s="491"/>
      <c r="CK22" s="491"/>
      <c r="CL22" s="491"/>
      <c r="CM22" s="491"/>
      <c r="CN22" s="491"/>
      <c r="CO22" s="491"/>
      <c r="CP22" s="491"/>
      <c r="CQ22" s="491"/>
      <c r="CR22" s="491"/>
      <c r="CS22" s="492"/>
      <c r="CT22" s="456"/>
      <c r="CU22" s="457"/>
      <c r="CV22" s="457"/>
      <c r="CW22" s="457"/>
      <c r="CX22" s="457"/>
      <c r="CY22" s="457"/>
      <c r="CZ22" s="457"/>
      <c r="DA22" s="458"/>
      <c r="DB22" s="456"/>
      <c r="DC22" s="457"/>
      <c r="DD22" s="457"/>
      <c r="DE22" s="457"/>
      <c r="DF22" s="457"/>
      <c r="DG22" s="457"/>
      <c r="DH22" s="457"/>
      <c r="DI22" s="458"/>
    </row>
    <row r="23" spans="1:113" ht="18.75" customHeight="1" x14ac:dyDescent="0.2">
      <c r="A23" s="178"/>
      <c r="B23" s="438"/>
      <c r="C23" s="439"/>
      <c r="D23" s="440"/>
      <c r="E23" s="447"/>
      <c r="F23" s="448"/>
      <c r="G23" s="448"/>
      <c r="H23" s="448"/>
      <c r="I23" s="448"/>
      <c r="J23" s="448"/>
      <c r="K23" s="449"/>
      <c r="L23" s="447"/>
      <c r="M23" s="448"/>
      <c r="N23" s="448"/>
      <c r="O23" s="448"/>
      <c r="P23" s="449"/>
      <c r="Q23" s="453"/>
      <c r="R23" s="454"/>
      <c r="S23" s="454"/>
      <c r="T23" s="454"/>
      <c r="U23" s="454"/>
      <c r="V23" s="455"/>
      <c r="W23" s="502"/>
      <c r="X23" s="439"/>
      <c r="Y23" s="440"/>
      <c r="Z23" s="447"/>
      <c r="AA23" s="448"/>
      <c r="AB23" s="448"/>
      <c r="AC23" s="448"/>
      <c r="AD23" s="448"/>
      <c r="AE23" s="448"/>
      <c r="AF23" s="448"/>
      <c r="AG23" s="449"/>
      <c r="AH23" s="447"/>
      <c r="AI23" s="448"/>
      <c r="AJ23" s="448"/>
      <c r="AK23" s="448"/>
      <c r="AL23" s="449"/>
      <c r="AM23" s="465"/>
      <c r="AN23" s="466"/>
      <c r="AO23" s="466"/>
      <c r="AP23" s="466"/>
      <c r="AQ23" s="466"/>
      <c r="AR23" s="467"/>
      <c r="AS23" s="453"/>
      <c r="AT23" s="454"/>
      <c r="AU23" s="454"/>
      <c r="AV23" s="454"/>
      <c r="AW23" s="454"/>
      <c r="AX23" s="469"/>
      <c r="AY23" s="473" t="s">
        <v>167</v>
      </c>
      <c r="AZ23" s="474"/>
      <c r="BA23" s="474"/>
      <c r="BB23" s="474"/>
      <c r="BC23" s="474"/>
      <c r="BD23" s="474"/>
      <c r="BE23" s="474"/>
      <c r="BF23" s="474"/>
      <c r="BG23" s="474"/>
      <c r="BH23" s="474"/>
      <c r="BI23" s="474"/>
      <c r="BJ23" s="474"/>
      <c r="BK23" s="474"/>
      <c r="BL23" s="474"/>
      <c r="BM23" s="475"/>
      <c r="BN23" s="459">
        <v>2973655</v>
      </c>
      <c r="BO23" s="460"/>
      <c r="BP23" s="460"/>
      <c r="BQ23" s="460"/>
      <c r="BR23" s="460"/>
      <c r="BS23" s="460"/>
      <c r="BT23" s="460"/>
      <c r="BU23" s="461"/>
      <c r="BV23" s="459">
        <v>2953493</v>
      </c>
      <c r="BW23" s="460"/>
      <c r="BX23" s="460"/>
      <c r="BY23" s="460"/>
      <c r="BZ23" s="460"/>
      <c r="CA23" s="460"/>
      <c r="CB23" s="460"/>
      <c r="CC23" s="461"/>
      <c r="CD23" s="191"/>
      <c r="CE23" s="491"/>
      <c r="CF23" s="491"/>
      <c r="CG23" s="491"/>
      <c r="CH23" s="491"/>
      <c r="CI23" s="491"/>
      <c r="CJ23" s="491"/>
      <c r="CK23" s="491"/>
      <c r="CL23" s="491"/>
      <c r="CM23" s="491"/>
      <c r="CN23" s="491"/>
      <c r="CO23" s="491"/>
      <c r="CP23" s="491"/>
      <c r="CQ23" s="491"/>
      <c r="CR23" s="491"/>
      <c r="CS23" s="492"/>
      <c r="CT23" s="456"/>
      <c r="CU23" s="457"/>
      <c r="CV23" s="457"/>
      <c r="CW23" s="457"/>
      <c r="CX23" s="457"/>
      <c r="CY23" s="457"/>
      <c r="CZ23" s="457"/>
      <c r="DA23" s="458"/>
      <c r="DB23" s="456"/>
      <c r="DC23" s="457"/>
      <c r="DD23" s="457"/>
      <c r="DE23" s="457"/>
      <c r="DF23" s="457"/>
      <c r="DG23" s="457"/>
      <c r="DH23" s="457"/>
      <c r="DI23" s="458"/>
    </row>
    <row r="24" spans="1:113" ht="18.75" customHeight="1" thickBot="1" x14ac:dyDescent="0.25">
      <c r="A24" s="178"/>
      <c r="B24" s="438"/>
      <c r="C24" s="439"/>
      <c r="D24" s="440"/>
      <c r="E24" s="415" t="s">
        <v>168</v>
      </c>
      <c r="F24" s="416"/>
      <c r="G24" s="416"/>
      <c r="H24" s="416"/>
      <c r="I24" s="416"/>
      <c r="J24" s="416"/>
      <c r="K24" s="417"/>
      <c r="L24" s="412">
        <v>1</v>
      </c>
      <c r="M24" s="413"/>
      <c r="N24" s="413"/>
      <c r="O24" s="413"/>
      <c r="P24" s="414"/>
      <c r="Q24" s="412">
        <v>5810</v>
      </c>
      <c r="R24" s="413"/>
      <c r="S24" s="413"/>
      <c r="T24" s="413"/>
      <c r="U24" s="413"/>
      <c r="V24" s="414"/>
      <c r="W24" s="502"/>
      <c r="X24" s="439"/>
      <c r="Y24" s="440"/>
      <c r="Z24" s="415" t="s">
        <v>169</v>
      </c>
      <c r="AA24" s="416"/>
      <c r="AB24" s="416"/>
      <c r="AC24" s="416"/>
      <c r="AD24" s="416"/>
      <c r="AE24" s="416"/>
      <c r="AF24" s="416"/>
      <c r="AG24" s="417"/>
      <c r="AH24" s="412">
        <v>80</v>
      </c>
      <c r="AI24" s="413"/>
      <c r="AJ24" s="413"/>
      <c r="AK24" s="413"/>
      <c r="AL24" s="414"/>
      <c r="AM24" s="412">
        <v>225680</v>
      </c>
      <c r="AN24" s="413"/>
      <c r="AO24" s="413"/>
      <c r="AP24" s="413"/>
      <c r="AQ24" s="413"/>
      <c r="AR24" s="414"/>
      <c r="AS24" s="412">
        <v>2821</v>
      </c>
      <c r="AT24" s="413"/>
      <c r="AU24" s="413"/>
      <c r="AV24" s="413"/>
      <c r="AW24" s="413"/>
      <c r="AX24" s="472"/>
      <c r="AY24" s="432" t="s">
        <v>170</v>
      </c>
      <c r="AZ24" s="433"/>
      <c r="BA24" s="433"/>
      <c r="BB24" s="433"/>
      <c r="BC24" s="433"/>
      <c r="BD24" s="433"/>
      <c r="BE24" s="433"/>
      <c r="BF24" s="433"/>
      <c r="BG24" s="433"/>
      <c r="BH24" s="433"/>
      <c r="BI24" s="433"/>
      <c r="BJ24" s="433"/>
      <c r="BK24" s="433"/>
      <c r="BL24" s="433"/>
      <c r="BM24" s="434"/>
      <c r="BN24" s="459">
        <v>1690236</v>
      </c>
      <c r="BO24" s="460"/>
      <c r="BP24" s="460"/>
      <c r="BQ24" s="460"/>
      <c r="BR24" s="460"/>
      <c r="BS24" s="460"/>
      <c r="BT24" s="460"/>
      <c r="BU24" s="461"/>
      <c r="BV24" s="459">
        <v>1702707</v>
      </c>
      <c r="BW24" s="460"/>
      <c r="BX24" s="460"/>
      <c r="BY24" s="460"/>
      <c r="BZ24" s="460"/>
      <c r="CA24" s="460"/>
      <c r="CB24" s="460"/>
      <c r="CC24" s="461"/>
      <c r="CD24" s="191"/>
      <c r="CE24" s="491"/>
      <c r="CF24" s="491"/>
      <c r="CG24" s="491"/>
      <c r="CH24" s="491"/>
      <c r="CI24" s="491"/>
      <c r="CJ24" s="491"/>
      <c r="CK24" s="491"/>
      <c r="CL24" s="491"/>
      <c r="CM24" s="491"/>
      <c r="CN24" s="491"/>
      <c r="CO24" s="491"/>
      <c r="CP24" s="491"/>
      <c r="CQ24" s="491"/>
      <c r="CR24" s="491"/>
      <c r="CS24" s="492"/>
      <c r="CT24" s="456"/>
      <c r="CU24" s="457"/>
      <c r="CV24" s="457"/>
      <c r="CW24" s="457"/>
      <c r="CX24" s="457"/>
      <c r="CY24" s="457"/>
      <c r="CZ24" s="457"/>
      <c r="DA24" s="458"/>
      <c r="DB24" s="456"/>
      <c r="DC24" s="457"/>
      <c r="DD24" s="457"/>
      <c r="DE24" s="457"/>
      <c r="DF24" s="457"/>
      <c r="DG24" s="457"/>
      <c r="DH24" s="457"/>
      <c r="DI24" s="458"/>
    </row>
    <row r="25" spans="1:113" ht="18.75" customHeight="1" x14ac:dyDescent="0.2">
      <c r="A25" s="178"/>
      <c r="B25" s="438"/>
      <c r="C25" s="439"/>
      <c r="D25" s="440"/>
      <c r="E25" s="415" t="s">
        <v>171</v>
      </c>
      <c r="F25" s="416"/>
      <c r="G25" s="416"/>
      <c r="H25" s="416"/>
      <c r="I25" s="416"/>
      <c r="J25" s="416"/>
      <c r="K25" s="417"/>
      <c r="L25" s="412">
        <v>1</v>
      </c>
      <c r="M25" s="413"/>
      <c r="N25" s="413"/>
      <c r="O25" s="413"/>
      <c r="P25" s="414"/>
      <c r="Q25" s="412">
        <v>5280</v>
      </c>
      <c r="R25" s="413"/>
      <c r="S25" s="413"/>
      <c r="T25" s="413"/>
      <c r="U25" s="413"/>
      <c r="V25" s="414"/>
      <c r="W25" s="502"/>
      <c r="X25" s="439"/>
      <c r="Y25" s="440"/>
      <c r="Z25" s="415" t="s">
        <v>172</v>
      </c>
      <c r="AA25" s="416"/>
      <c r="AB25" s="416"/>
      <c r="AC25" s="416"/>
      <c r="AD25" s="416"/>
      <c r="AE25" s="416"/>
      <c r="AF25" s="416"/>
      <c r="AG25" s="417"/>
      <c r="AH25" s="412" t="s">
        <v>173</v>
      </c>
      <c r="AI25" s="413"/>
      <c r="AJ25" s="413"/>
      <c r="AK25" s="413"/>
      <c r="AL25" s="414"/>
      <c r="AM25" s="412" t="s">
        <v>173</v>
      </c>
      <c r="AN25" s="413"/>
      <c r="AO25" s="413"/>
      <c r="AP25" s="413"/>
      <c r="AQ25" s="413"/>
      <c r="AR25" s="414"/>
      <c r="AS25" s="412" t="s">
        <v>173</v>
      </c>
      <c r="AT25" s="413"/>
      <c r="AU25" s="413"/>
      <c r="AV25" s="413"/>
      <c r="AW25" s="413"/>
      <c r="AX25" s="472"/>
      <c r="AY25" s="485" t="s">
        <v>174</v>
      </c>
      <c r="AZ25" s="486"/>
      <c r="BA25" s="486"/>
      <c r="BB25" s="486"/>
      <c r="BC25" s="486"/>
      <c r="BD25" s="486"/>
      <c r="BE25" s="486"/>
      <c r="BF25" s="486"/>
      <c r="BG25" s="486"/>
      <c r="BH25" s="486"/>
      <c r="BI25" s="486"/>
      <c r="BJ25" s="486"/>
      <c r="BK25" s="486"/>
      <c r="BL25" s="486"/>
      <c r="BM25" s="487"/>
      <c r="BN25" s="488">
        <v>730317</v>
      </c>
      <c r="BO25" s="489"/>
      <c r="BP25" s="489"/>
      <c r="BQ25" s="489"/>
      <c r="BR25" s="489"/>
      <c r="BS25" s="489"/>
      <c r="BT25" s="489"/>
      <c r="BU25" s="490"/>
      <c r="BV25" s="488">
        <v>887199</v>
      </c>
      <c r="BW25" s="489"/>
      <c r="BX25" s="489"/>
      <c r="BY25" s="489"/>
      <c r="BZ25" s="489"/>
      <c r="CA25" s="489"/>
      <c r="CB25" s="489"/>
      <c r="CC25" s="490"/>
      <c r="CD25" s="191"/>
      <c r="CE25" s="491"/>
      <c r="CF25" s="491"/>
      <c r="CG25" s="491"/>
      <c r="CH25" s="491"/>
      <c r="CI25" s="491"/>
      <c r="CJ25" s="491"/>
      <c r="CK25" s="491"/>
      <c r="CL25" s="491"/>
      <c r="CM25" s="491"/>
      <c r="CN25" s="491"/>
      <c r="CO25" s="491"/>
      <c r="CP25" s="491"/>
      <c r="CQ25" s="491"/>
      <c r="CR25" s="491"/>
      <c r="CS25" s="492"/>
      <c r="CT25" s="456"/>
      <c r="CU25" s="457"/>
      <c r="CV25" s="457"/>
      <c r="CW25" s="457"/>
      <c r="CX25" s="457"/>
      <c r="CY25" s="457"/>
      <c r="CZ25" s="457"/>
      <c r="DA25" s="458"/>
      <c r="DB25" s="456"/>
      <c r="DC25" s="457"/>
      <c r="DD25" s="457"/>
      <c r="DE25" s="457"/>
      <c r="DF25" s="457"/>
      <c r="DG25" s="457"/>
      <c r="DH25" s="457"/>
      <c r="DI25" s="458"/>
    </row>
    <row r="26" spans="1:113" ht="18.75" customHeight="1" x14ac:dyDescent="0.2">
      <c r="A26" s="178"/>
      <c r="B26" s="438"/>
      <c r="C26" s="439"/>
      <c r="D26" s="440"/>
      <c r="E26" s="415" t="s">
        <v>175</v>
      </c>
      <c r="F26" s="416"/>
      <c r="G26" s="416"/>
      <c r="H26" s="416"/>
      <c r="I26" s="416"/>
      <c r="J26" s="416"/>
      <c r="K26" s="417"/>
      <c r="L26" s="412">
        <v>1</v>
      </c>
      <c r="M26" s="413"/>
      <c r="N26" s="413"/>
      <c r="O26" s="413"/>
      <c r="P26" s="414"/>
      <c r="Q26" s="412">
        <v>5000</v>
      </c>
      <c r="R26" s="413"/>
      <c r="S26" s="413"/>
      <c r="T26" s="413"/>
      <c r="U26" s="413"/>
      <c r="V26" s="414"/>
      <c r="W26" s="502"/>
      <c r="X26" s="439"/>
      <c r="Y26" s="440"/>
      <c r="Z26" s="415" t="s">
        <v>176</v>
      </c>
      <c r="AA26" s="470"/>
      <c r="AB26" s="470"/>
      <c r="AC26" s="470"/>
      <c r="AD26" s="470"/>
      <c r="AE26" s="470"/>
      <c r="AF26" s="470"/>
      <c r="AG26" s="471"/>
      <c r="AH26" s="412">
        <v>1</v>
      </c>
      <c r="AI26" s="413"/>
      <c r="AJ26" s="413"/>
      <c r="AK26" s="413"/>
      <c r="AL26" s="414"/>
      <c r="AM26" s="412" t="s">
        <v>177</v>
      </c>
      <c r="AN26" s="413"/>
      <c r="AO26" s="413"/>
      <c r="AP26" s="413"/>
      <c r="AQ26" s="413"/>
      <c r="AR26" s="414"/>
      <c r="AS26" s="412" t="s">
        <v>177</v>
      </c>
      <c r="AT26" s="413"/>
      <c r="AU26" s="413"/>
      <c r="AV26" s="413"/>
      <c r="AW26" s="413"/>
      <c r="AX26" s="472"/>
      <c r="AY26" s="499" t="s">
        <v>178</v>
      </c>
      <c r="AZ26" s="419"/>
      <c r="BA26" s="419"/>
      <c r="BB26" s="419"/>
      <c r="BC26" s="419"/>
      <c r="BD26" s="419"/>
      <c r="BE26" s="419"/>
      <c r="BF26" s="419"/>
      <c r="BG26" s="419"/>
      <c r="BH26" s="419"/>
      <c r="BI26" s="419"/>
      <c r="BJ26" s="419"/>
      <c r="BK26" s="419"/>
      <c r="BL26" s="419"/>
      <c r="BM26" s="500"/>
      <c r="BN26" s="459" t="s">
        <v>173</v>
      </c>
      <c r="BO26" s="460"/>
      <c r="BP26" s="460"/>
      <c r="BQ26" s="460"/>
      <c r="BR26" s="460"/>
      <c r="BS26" s="460"/>
      <c r="BT26" s="460"/>
      <c r="BU26" s="461"/>
      <c r="BV26" s="459" t="s">
        <v>173</v>
      </c>
      <c r="BW26" s="460"/>
      <c r="BX26" s="460"/>
      <c r="BY26" s="460"/>
      <c r="BZ26" s="460"/>
      <c r="CA26" s="460"/>
      <c r="CB26" s="460"/>
      <c r="CC26" s="461"/>
      <c r="CD26" s="191"/>
      <c r="CE26" s="491"/>
      <c r="CF26" s="491"/>
      <c r="CG26" s="491"/>
      <c r="CH26" s="491"/>
      <c r="CI26" s="491"/>
      <c r="CJ26" s="491"/>
      <c r="CK26" s="491"/>
      <c r="CL26" s="491"/>
      <c r="CM26" s="491"/>
      <c r="CN26" s="491"/>
      <c r="CO26" s="491"/>
      <c r="CP26" s="491"/>
      <c r="CQ26" s="491"/>
      <c r="CR26" s="491"/>
      <c r="CS26" s="492"/>
      <c r="CT26" s="456"/>
      <c r="CU26" s="457"/>
      <c r="CV26" s="457"/>
      <c r="CW26" s="457"/>
      <c r="CX26" s="457"/>
      <c r="CY26" s="457"/>
      <c r="CZ26" s="457"/>
      <c r="DA26" s="458"/>
      <c r="DB26" s="456"/>
      <c r="DC26" s="457"/>
      <c r="DD26" s="457"/>
      <c r="DE26" s="457"/>
      <c r="DF26" s="457"/>
      <c r="DG26" s="457"/>
      <c r="DH26" s="457"/>
      <c r="DI26" s="458"/>
    </row>
    <row r="27" spans="1:113" ht="18.75" customHeight="1" thickBot="1" x14ac:dyDescent="0.25">
      <c r="A27" s="178"/>
      <c r="B27" s="438"/>
      <c r="C27" s="439"/>
      <c r="D27" s="440"/>
      <c r="E27" s="415" t="s">
        <v>179</v>
      </c>
      <c r="F27" s="416"/>
      <c r="G27" s="416"/>
      <c r="H27" s="416"/>
      <c r="I27" s="416"/>
      <c r="J27" s="416"/>
      <c r="K27" s="417"/>
      <c r="L27" s="412">
        <v>1</v>
      </c>
      <c r="M27" s="413"/>
      <c r="N27" s="413"/>
      <c r="O27" s="413"/>
      <c r="P27" s="414"/>
      <c r="Q27" s="412">
        <v>3370</v>
      </c>
      <c r="R27" s="413"/>
      <c r="S27" s="413"/>
      <c r="T27" s="413"/>
      <c r="U27" s="413"/>
      <c r="V27" s="414"/>
      <c r="W27" s="502"/>
      <c r="X27" s="439"/>
      <c r="Y27" s="440"/>
      <c r="Z27" s="415" t="s">
        <v>180</v>
      </c>
      <c r="AA27" s="416"/>
      <c r="AB27" s="416"/>
      <c r="AC27" s="416"/>
      <c r="AD27" s="416"/>
      <c r="AE27" s="416"/>
      <c r="AF27" s="416"/>
      <c r="AG27" s="417"/>
      <c r="AH27" s="412">
        <v>4</v>
      </c>
      <c r="AI27" s="413"/>
      <c r="AJ27" s="413"/>
      <c r="AK27" s="413"/>
      <c r="AL27" s="414"/>
      <c r="AM27" s="412">
        <v>12442</v>
      </c>
      <c r="AN27" s="413"/>
      <c r="AO27" s="413"/>
      <c r="AP27" s="413"/>
      <c r="AQ27" s="413"/>
      <c r="AR27" s="414"/>
      <c r="AS27" s="412">
        <v>3111</v>
      </c>
      <c r="AT27" s="413"/>
      <c r="AU27" s="413"/>
      <c r="AV27" s="413"/>
      <c r="AW27" s="413"/>
      <c r="AX27" s="472"/>
      <c r="AY27" s="496" t="s">
        <v>181</v>
      </c>
      <c r="AZ27" s="497"/>
      <c r="BA27" s="497"/>
      <c r="BB27" s="497"/>
      <c r="BC27" s="497"/>
      <c r="BD27" s="497"/>
      <c r="BE27" s="497"/>
      <c r="BF27" s="497"/>
      <c r="BG27" s="497"/>
      <c r="BH27" s="497"/>
      <c r="BI27" s="497"/>
      <c r="BJ27" s="497"/>
      <c r="BK27" s="497"/>
      <c r="BL27" s="497"/>
      <c r="BM27" s="498"/>
      <c r="BN27" s="493" t="s">
        <v>173</v>
      </c>
      <c r="BO27" s="494"/>
      <c r="BP27" s="494"/>
      <c r="BQ27" s="494"/>
      <c r="BR27" s="494"/>
      <c r="BS27" s="494"/>
      <c r="BT27" s="494"/>
      <c r="BU27" s="495"/>
      <c r="BV27" s="493" t="s">
        <v>173</v>
      </c>
      <c r="BW27" s="494"/>
      <c r="BX27" s="494"/>
      <c r="BY27" s="494"/>
      <c r="BZ27" s="494"/>
      <c r="CA27" s="494"/>
      <c r="CB27" s="494"/>
      <c r="CC27" s="495"/>
      <c r="CD27" s="193"/>
      <c r="CE27" s="491"/>
      <c r="CF27" s="491"/>
      <c r="CG27" s="491"/>
      <c r="CH27" s="491"/>
      <c r="CI27" s="491"/>
      <c r="CJ27" s="491"/>
      <c r="CK27" s="491"/>
      <c r="CL27" s="491"/>
      <c r="CM27" s="491"/>
      <c r="CN27" s="491"/>
      <c r="CO27" s="491"/>
      <c r="CP27" s="491"/>
      <c r="CQ27" s="491"/>
      <c r="CR27" s="491"/>
      <c r="CS27" s="492"/>
      <c r="CT27" s="456"/>
      <c r="CU27" s="457"/>
      <c r="CV27" s="457"/>
      <c r="CW27" s="457"/>
      <c r="CX27" s="457"/>
      <c r="CY27" s="457"/>
      <c r="CZ27" s="457"/>
      <c r="DA27" s="458"/>
      <c r="DB27" s="456"/>
      <c r="DC27" s="457"/>
      <c r="DD27" s="457"/>
      <c r="DE27" s="457"/>
      <c r="DF27" s="457"/>
      <c r="DG27" s="457"/>
      <c r="DH27" s="457"/>
      <c r="DI27" s="458"/>
    </row>
    <row r="28" spans="1:113" ht="18.75" customHeight="1" x14ac:dyDescent="0.2">
      <c r="A28" s="178"/>
      <c r="B28" s="438"/>
      <c r="C28" s="439"/>
      <c r="D28" s="440"/>
      <c r="E28" s="415" t="s">
        <v>182</v>
      </c>
      <c r="F28" s="416"/>
      <c r="G28" s="416"/>
      <c r="H28" s="416"/>
      <c r="I28" s="416"/>
      <c r="J28" s="416"/>
      <c r="K28" s="417"/>
      <c r="L28" s="412">
        <v>1</v>
      </c>
      <c r="M28" s="413"/>
      <c r="N28" s="413"/>
      <c r="O28" s="413"/>
      <c r="P28" s="414"/>
      <c r="Q28" s="412">
        <v>2570</v>
      </c>
      <c r="R28" s="413"/>
      <c r="S28" s="413"/>
      <c r="T28" s="413"/>
      <c r="U28" s="413"/>
      <c r="V28" s="414"/>
      <c r="W28" s="502"/>
      <c r="X28" s="439"/>
      <c r="Y28" s="440"/>
      <c r="Z28" s="415" t="s">
        <v>183</v>
      </c>
      <c r="AA28" s="416"/>
      <c r="AB28" s="416"/>
      <c r="AC28" s="416"/>
      <c r="AD28" s="416"/>
      <c r="AE28" s="416"/>
      <c r="AF28" s="416"/>
      <c r="AG28" s="417"/>
      <c r="AH28" s="412" t="s">
        <v>173</v>
      </c>
      <c r="AI28" s="413"/>
      <c r="AJ28" s="413"/>
      <c r="AK28" s="413"/>
      <c r="AL28" s="414"/>
      <c r="AM28" s="412" t="s">
        <v>173</v>
      </c>
      <c r="AN28" s="413"/>
      <c r="AO28" s="413"/>
      <c r="AP28" s="413"/>
      <c r="AQ28" s="413"/>
      <c r="AR28" s="414"/>
      <c r="AS28" s="412" t="s">
        <v>173</v>
      </c>
      <c r="AT28" s="413"/>
      <c r="AU28" s="413"/>
      <c r="AV28" s="413"/>
      <c r="AW28" s="413"/>
      <c r="AX28" s="472"/>
      <c r="AY28" s="476" t="s">
        <v>184</v>
      </c>
      <c r="AZ28" s="477"/>
      <c r="BA28" s="477"/>
      <c r="BB28" s="478"/>
      <c r="BC28" s="485" t="s">
        <v>48</v>
      </c>
      <c r="BD28" s="486"/>
      <c r="BE28" s="486"/>
      <c r="BF28" s="486"/>
      <c r="BG28" s="486"/>
      <c r="BH28" s="486"/>
      <c r="BI28" s="486"/>
      <c r="BJ28" s="486"/>
      <c r="BK28" s="486"/>
      <c r="BL28" s="486"/>
      <c r="BM28" s="487"/>
      <c r="BN28" s="488">
        <v>335000</v>
      </c>
      <c r="BO28" s="489"/>
      <c r="BP28" s="489"/>
      <c r="BQ28" s="489"/>
      <c r="BR28" s="489"/>
      <c r="BS28" s="489"/>
      <c r="BT28" s="489"/>
      <c r="BU28" s="490"/>
      <c r="BV28" s="488">
        <v>260000</v>
      </c>
      <c r="BW28" s="489"/>
      <c r="BX28" s="489"/>
      <c r="BY28" s="489"/>
      <c r="BZ28" s="489"/>
      <c r="CA28" s="489"/>
      <c r="CB28" s="489"/>
      <c r="CC28" s="490"/>
      <c r="CD28" s="191"/>
      <c r="CE28" s="491"/>
      <c r="CF28" s="491"/>
      <c r="CG28" s="491"/>
      <c r="CH28" s="491"/>
      <c r="CI28" s="491"/>
      <c r="CJ28" s="491"/>
      <c r="CK28" s="491"/>
      <c r="CL28" s="491"/>
      <c r="CM28" s="491"/>
      <c r="CN28" s="491"/>
      <c r="CO28" s="491"/>
      <c r="CP28" s="491"/>
      <c r="CQ28" s="491"/>
      <c r="CR28" s="491"/>
      <c r="CS28" s="492"/>
      <c r="CT28" s="456"/>
      <c r="CU28" s="457"/>
      <c r="CV28" s="457"/>
      <c r="CW28" s="457"/>
      <c r="CX28" s="457"/>
      <c r="CY28" s="457"/>
      <c r="CZ28" s="457"/>
      <c r="DA28" s="458"/>
      <c r="DB28" s="456"/>
      <c r="DC28" s="457"/>
      <c r="DD28" s="457"/>
      <c r="DE28" s="457"/>
      <c r="DF28" s="457"/>
      <c r="DG28" s="457"/>
      <c r="DH28" s="457"/>
      <c r="DI28" s="458"/>
    </row>
    <row r="29" spans="1:113" ht="18.75" customHeight="1" x14ac:dyDescent="0.2">
      <c r="A29" s="178"/>
      <c r="B29" s="438"/>
      <c r="C29" s="439"/>
      <c r="D29" s="440"/>
      <c r="E29" s="415" t="s">
        <v>185</v>
      </c>
      <c r="F29" s="416"/>
      <c r="G29" s="416"/>
      <c r="H29" s="416"/>
      <c r="I29" s="416"/>
      <c r="J29" s="416"/>
      <c r="K29" s="417"/>
      <c r="L29" s="412">
        <v>9</v>
      </c>
      <c r="M29" s="413"/>
      <c r="N29" s="413"/>
      <c r="O29" s="413"/>
      <c r="P29" s="414"/>
      <c r="Q29" s="412">
        <v>2420</v>
      </c>
      <c r="R29" s="413"/>
      <c r="S29" s="413"/>
      <c r="T29" s="413"/>
      <c r="U29" s="413"/>
      <c r="V29" s="414"/>
      <c r="W29" s="503"/>
      <c r="X29" s="504"/>
      <c r="Y29" s="505"/>
      <c r="Z29" s="415" t="s">
        <v>186</v>
      </c>
      <c r="AA29" s="416"/>
      <c r="AB29" s="416"/>
      <c r="AC29" s="416"/>
      <c r="AD29" s="416"/>
      <c r="AE29" s="416"/>
      <c r="AF29" s="416"/>
      <c r="AG29" s="417"/>
      <c r="AH29" s="412">
        <v>84</v>
      </c>
      <c r="AI29" s="413"/>
      <c r="AJ29" s="413"/>
      <c r="AK29" s="413"/>
      <c r="AL29" s="414"/>
      <c r="AM29" s="412">
        <v>238122</v>
      </c>
      <c r="AN29" s="413"/>
      <c r="AO29" s="413"/>
      <c r="AP29" s="413"/>
      <c r="AQ29" s="413"/>
      <c r="AR29" s="414"/>
      <c r="AS29" s="412">
        <v>2835</v>
      </c>
      <c r="AT29" s="413"/>
      <c r="AU29" s="413"/>
      <c r="AV29" s="413"/>
      <c r="AW29" s="413"/>
      <c r="AX29" s="472"/>
      <c r="AY29" s="479"/>
      <c r="AZ29" s="480"/>
      <c r="BA29" s="480"/>
      <c r="BB29" s="481"/>
      <c r="BC29" s="473" t="s">
        <v>187</v>
      </c>
      <c r="BD29" s="474"/>
      <c r="BE29" s="474"/>
      <c r="BF29" s="474"/>
      <c r="BG29" s="474"/>
      <c r="BH29" s="474"/>
      <c r="BI29" s="474"/>
      <c r="BJ29" s="474"/>
      <c r="BK29" s="474"/>
      <c r="BL29" s="474"/>
      <c r="BM29" s="475"/>
      <c r="BN29" s="459">
        <v>1</v>
      </c>
      <c r="BO29" s="460"/>
      <c r="BP29" s="460"/>
      <c r="BQ29" s="460"/>
      <c r="BR29" s="460"/>
      <c r="BS29" s="460"/>
      <c r="BT29" s="460"/>
      <c r="BU29" s="461"/>
      <c r="BV29" s="459">
        <v>1</v>
      </c>
      <c r="BW29" s="460"/>
      <c r="BX29" s="460"/>
      <c r="BY29" s="460"/>
      <c r="BZ29" s="460"/>
      <c r="CA29" s="460"/>
      <c r="CB29" s="460"/>
      <c r="CC29" s="461"/>
      <c r="CD29" s="193"/>
      <c r="CE29" s="491"/>
      <c r="CF29" s="491"/>
      <c r="CG29" s="491"/>
      <c r="CH29" s="491"/>
      <c r="CI29" s="491"/>
      <c r="CJ29" s="491"/>
      <c r="CK29" s="491"/>
      <c r="CL29" s="491"/>
      <c r="CM29" s="491"/>
      <c r="CN29" s="491"/>
      <c r="CO29" s="491"/>
      <c r="CP29" s="491"/>
      <c r="CQ29" s="491"/>
      <c r="CR29" s="491"/>
      <c r="CS29" s="492"/>
      <c r="CT29" s="456"/>
      <c r="CU29" s="457"/>
      <c r="CV29" s="457"/>
      <c r="CW29" s="457"/>
      <c r="CX29" s="457"/>
      <c r="CY29" s="457"/>
      <c r="CZ29" s="457"/>
      <c r="DA29" s="458"/>
      <c r="DB29" s="456"/>
      <c r="DC29" s="457"/>
      <c r="DD29" s="457"/>
      <c r="DE29" s="457"/>
      <c r="DF29" s="457"/>
      <c r="DG29" s="457"/>
      <c r="DH29" s="457"/>
      <c r="DI29" s="458"/>
    </row>
    <row r="30" spans="1:113" ht="18.75" customHeight="1" thickBot="1" x14ac:dyDescent="0.25">
      <c r="A30" s="178"/>
      <c r="B30" s="441"/>
      <c r="C30" s="442"/>
      <c r="D30" s="443"/>
      <c r="E30" s="420"/>
      <c r="F30" s="421"/>
      <c r="G30" s="421"/>
      <c r="H30" s="421"/>
      <c r="I30" s="421"/>
      <c r="J30" s="421"/>
      <c r="K30" s="422"/>
      <c r="L30" s="423"/>
      <c r="M30" s="424"/>
      <c r="N30" s="424"/>
      <c r="O30" s="424"/>
      <c r="P30" s="425"/>
      <c r="Q30" s="423"/>
      <c r="R30" s="424"/>
      <c r="S30" s="424"/>
      <c r="T30" s="424"/>
      <c r="U30" s="424"/>
      <c r="V30" s="425"/>
      <c r="W30" s="426" t="s">
        <v>188</v>
      </c>
      <c r="X30" s="427"/>
      <c r="Y30" s="427"/>
      <c r="Z30" s="427"/>
      <c r="AA30" s="427"/>
      <c r="AB30" s="427"/>
      <c r="AC30" s="427"/>
      <c r="AD30" s="427"/>
      <c r="AE30" s="427"/>
      <c r="AF30" s="427"/>
      <c r="AG30" s="428"/>
      <c r="AH30" s="429">
        <v>92.9</v>
      </c>
      <c r="AI30" s="430"/>
      <c r="AJ30" s="430"/>
      <c r="AK30" s="430"/>
      <c r="AL30" s="430"/>
      <c r="AM30" s="430"/>
      <c r="AN30" s="430"/>
      <c r="AO30" s="430"/>
      <c r="AP30" s="430"/>
      <c r="AQ30" s="430"/>
      <c r="AR30" s="430"/>
      <c r="AS30" s="430"/>
      <c r="AT30" s="430"/>
      <c r="AU30" s="430"/>
      <c r="AV30" s="430"/>
      <c r="AW30" s="430"/>
      <c r="AX30" s="431"/>
      <c r="AY30" s="482"/>
      <c r="AZ30" s="483"/>
      <c r="BA30" s="483"/>
      <c r="BB30" s="484"/>
      <c r="BC30" s="432" t="s">
        <v>50</v>
      </c>
      <c r="BD30" s="433"/>
      <c r="BE30" s="433"/>
      <c r="BF30" s="433"/>
      <c r="BG30" s="433"/>
      <c r="BH30" s="433"/>
      <c r="BI30" s="433"/>
      <c r="BJ30" s="433"/>
      <c r="BK30" s="433"/>
      <c r="BL30" s="433"/>
      <c r="BM30" s="434"/>
      <c r="BN30" s="493">
        <v>215455</v>
      </c>
      <c r="BO30" s="494"/>
      <c r="BP30" s="494"/>
      <c r="BQ30" s="494"/>
      <c r="BR30" s="494"/>
      <c r="BS30" s="494"/>
      <c r="BT30" s="494"/>
      <c r="BU30" s="495"/>
      <c r="BV30" s="493">
        <v>78185</v>
      </c>
      <c r="BW30" s="494"/>
      <c r="BX30" s="494"/>
      <c r="BY30" s="494"/>
      <c r="BZ30" s="494"/>
      <c r="CA30" s="494"/>
      <c r="CB30" s="494"/>
      <c r="CC30" s="495"/>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8" t="s">
        <v>189</v>
      </c>
      <c r="D32" s="418"/>
      <c r="E32" s="418"/>
      <c r="F32" s="418"/>
      <c r="G32" s="418"/>
      <c r="H32" s="418"/>
      <c r="I32" s="418"/>
      <c r="J32" s="418"/>
      <c r="K32" s="418"/>
      <c r="L32" s="418"/>
      <c r="M32" s="418"/>
      <c r="N32" s="418"/>
      <c r="O32" s="418"/>
      <c r="P32" s="418"/>
      <c r="Q32" s="418"/>
      <c r="R32" s="418"/>
      <c r="S32" s="418"/>
      <c r="U32" s="419" t="s">
        <v>190</v>
      </c>
      <c r="V32" s="419"/>
      <c r="W32" s="419"/>
      <c r="X32" s="419"/>
      <c r="Y32" s="419"/>
      <c r="Z32" s="419"/>
      <c r="AA32" s="419"/>
      <c r="AB32" s="419"/>
      <c r="AC32" s="419"/>
      <c r="AD32" s="419"/>
      <c r="AE32" s="419"/>
      <c r="AF32" s="419"/>
      <c r="AG32" s="419"/>
      <c r="AH32" s="419"/>
      <c r="AI32" s="419"/>
      <c r="AJ32" s="419"/>
      <c r="AK32" s="419"/>
      <c r="AM32" s="419" t="s">
        <v>191</v>
      </c>
      <c r="AN32" s="419"/>
      <c r="AO32" s="419"/>
      <c r="AP32" s="419"/>
      <c r="AQ32" s="419"/>
      <c r="AR32" s="419"/>
      <c r="AS32" s="419"/>
      <c r="AT32" s="419"/>
      <c r="AU32" s="419"/>
      <c r="AV32" s="419"/>
      <c r="AW32" s="419"/>
      <c r="AX32" s="419"/>
      <c r="AY32" s="419"/>
      <c r="AZ32" s="419"/>
      <c r="BA32" s="419"/>
      <c r="BB32" s="419"/>
      <c r="BC32" s="419"/>
      <c r="BE32" s="419" t="s">
        <v>192</v>
      </c>
      <c r="BF32" s="419"/>
      <c r="BG32" s="419"/>
      <c r="BH32" s="419"/>
      <c r="BI32" s="419"/>
      <c r="BJ32" s="419"/>
      <c r="BK32" s="419"/>
      <c r="BL32" s="419"/>
      <c r="BM32" s="419"/>
      <c r="BN32" s="419"/>
      <c r="BO32" s="419"/>
      <c r="BP32" s="419"/>
      <c r="BQ32" s="419"/>
      <c r="BR32" s="419"/>
      <c r="BS32" s="419"/>
      <c r="BT32" s="419"/>
      <c r="BU32" s="419"/>
      <c r="BW32" s="419" t="s">
        <v>193</v>
      </c>
      <c r="BX32" s="419"/>
      <c r="BY32" s="419"/>
      <c r="BZ32" s="419"/>
      <c r="CA32" s="419"/>
      <c r="CB32" s="419"/>
      <c r="CC32" s="419"/>
      <c r="CD32" s="419"/>
      <c r="CE32" s="419"/>
      <c r="CF32" s="419"/>
      <c r="CG32" s="419"/>
      <c r="CH32" s="419"/>
      <c r="CI32" s="419"/>
      <c r="CJ32" s="419"/>
      <c r="CK32" s="419"/>
      <c r="CL32" s="419"/>
      <c r="CM32" s="419"/>
      <c r="CO32" s="419" t="s">
        <v>194</v>
      </c>
      <c r="CP32" s="419"/>
      <c r="CQ32" s="419"/>
      <c r="CR32" s="419"/>
      <c r="CS32" s="419"/>
      <c r="CT32" s="419"/>
      <c r="CU32" s="419"/>
      <c r="CV32" s="419"/>
      <c r="CW32" s="419"/>
      <c r="CX32" s="419"/>
      <c r="CY32" s="419"/>
      <c r="CZ32" s="419"/>
      <c r="DA32" s="419"/>
      <c r="DB32" s="419"/>
      <c r="DC32" s="419"/>
      <c r="DD32" s="419"/>
      <c r="DE32" s="419"/>
      <c r="DI32" s="201"/>
    </row>
    <row r="33" spans="1:113" ht="13.5" customHeight="1" x14ac:dyDescent="0.2">
      <c r="A33" s="178"/>
      <c r="B33" s="202"/>
      <c r="C33" s="411" t="s">
        <v>195</v>
      </c>
      <c r="D33" s="411"/>
      <c r="E33" s="410" t="s">
        <v>196</v>
      </c>
      <c r="F33" s="410"/>
      <c r="G33" s="410"/>
      <c r="H33" s="410"/>
      <c r="I33" s="410"/>
      <c r="J33" s="410"/>
      <c r="K33" s="410"/>
      <c r="L33" s="410"/>
      <c r="M33" s="410"/>
      <c r="N33" s="410"/>
      <c r="O33" s="410"/>
      <c r="P33" s="410"/>
      <c r="Q33" s="410"/>
      <c r="R33" s="410"/>
      <c r="S33" s="410"/>
      <c r="T33" s="203"/>
      <c r="U33" s="411" t="s">
        <v>195</v>
      </c>
      <c r="V33" s="411"/>
      <c r="W33" s="410" t="s">
        <v>196</v>
      </c>
      <c r="X33" s="410"/>
      <c r="Y33" s="410"/>
      <c r="Z33" s="410"/>
      <c r="AA33" s="410"/>
      <c r="AB33" s="410"/>
      <c r="AC33" s="410"/>
      <c r="AD33" s="410"/>
      <c r="AE33" s="410"/>
      <c r="AF33" s="410"/>
      <c r="AG33" s="410"/>
      <c r="AH33" s="410"/>
      <c r="AI33" s="410"/>
      <c r="AJ33" s="410"/>
      <c r="AK33" s="410"/>
      <c r="AL33" s="203"/>
      <c r="AM33" s="411" t="s">
        <v>195</v>
      </c>
      <c r="AN33" s="411"/>
      <c r="AO33" s="410" t="s">
        <v>196</v>
      </c>
      <c r="AP33" s="410"/>
      <c r="AQ33" s="410"/>
      <c r="AR33" s="410"/>
      <c r="AS33" s="410"/>
      <c r="AT33" s="410"/>
      <c r="AU33" s="410"/>
      <c r="AV33" s="410"/>
      <c r="AW33" s="410"/>
      <c r="AX33" s="410"/>
      <c r="AY33" s="410"/>
      <c r="AZ33" s="410"/>
      <c r="BA33" s="410"/>
      <c r="BB33" s="410"/>
      <c r="BC33" s="410"/>
      <c r="BD33" s="204"/>
      <c r="BE33" s="410" t="s">
        <v>197</v>
      </c>
      <c r="BF33" s="410"/>
      <c r="BG33" s="410" t="s">
        <v>198</v>
      </c>
      <c r="BH33" s="410"/>
      <c r="BI33" s="410"/>
      <c r="BJ33" s="410"/>
      <c r="BK33" s="410"/>
      <c r="BL33" s="410"/>
      <c r="BM33" s="410"/>
      <c r="BN33" s="410"/>
      <c r="BO33" s="410"/>
      <c r="BP33" s="410"/>
      <c r="BQ33" s="410"/>
      <c r="BR33" s="410"/>
      <c r="BS33" s="410"/>
      <c r="BT33" s="410"/>
      <c r="BU33" s="410"/>
      <c r="BV33" s="204"/>
      <c r="BW33" s="411" t="s">
        <v>197</v>
      </c>
      <c r="BX33" s="411"/>
      <c r="BY33" s="410" t="s">
        <v>199</v>
      </c>
      <c r="BZ33" s="410"/>
      <c r="CA33" s="410"/>
      <c r="CB33" s="410"/>
      <c r="CC33" s="410"/>
      <c r="CD33" s="410"/>
      <c r="CE33" s="410"/>
      <c r="CF33" s="410"/>
      <c r="CG33" s="410"/>
      <c r="CH33" s="410"/>
      <c r="CI33" s="410"/>
      <c r="CJ33" s="410"/>
      <c r="CK33" s="410"/>
      <c r="CL33" s="410"/>
      <c r="CM33" s="410"/>
      <c r="CN33" s="203"/>
      <c r="CO33" s="411" t="s">
        <v>195</v>
      </c>
      <c r="CP33" s="411"/>
      <c r="CQ33" s="410" t="s">
        <v>200</v>
      </c>
      <c r="CR33" s="410"/>
      <c r="CS33" s="410"/>
      <c r="CT33" s="410"/>
      <c r="CU33" s="410"/>
      <c r="CV33" s="410"/>
      <c r="CW33" s="410"/>
      <c r="CX33" s="410"/>
      <c r="CY33" s="410"/>
      <c r="CZ33" s="410"/>
      <c r="DA33" s="410"/>
      <c r="DB33" s="410"/>
      <c r="DC33" s="410"/>
      <c r="DD33" s="410"/>
      <c r="DE33" s="410"/>
      <c r="DF33" s="203"/>
      <c r="DG33" s="409" t="s">
        <v>201</v>
      </c>
      <c r="DH33" s="409"/>
      <c r="DI33" s="205"/>
    </row>
    <row r="34" spans="1:113" ht="32.25" customHeight="1" x14ac:dyDescent="0.2">
      <c r="A34" s="178"/>
      <c r="B34" s="202"/>
      <c r="C34" s="407">
        <f>IF(E34="","",1)</f>
        <v>1</v>
      </c>
      <c r="D34" s="407"/>
      <c r="E34" s="408" t="str">
        <f>IF('各会計、関係団体の財政状況及び健全化判断比率'!B7="","",'各会計、関係団体の財政状況及び健全化判断比率'!B7)</f>
        <v>一般会計</v>
      </c>
      <c r="F34" s="408"/>
      <c r="G34" s="408"/>
      <c r="H34" s="408"/>
      <c r="I34" s="408"/>
      <c r="J34" s="408"/>
      <c r="K34" s="408"/>
      <c r="L34" s="408"/>
      <c r="M34" s="408"/>
      <c r="N34" s="408"/>
      <c r="O34" s="408"/>
      <c r="P34" s="408"/>
      <c r="Q34" s="408"/>
      <c r="R34" s="408"/>
      <c r="S34" s="408"/>
      <c r="T34" s="178"/>
      <c r="U34" s="407">
        <f>IF(W34="","",MAX(C34:D43)+1)</f>
        <v>3</v>
      </c>
      <c r="V34" s="407"/>
      <c r="W34" s="408" t="str">
        <f>IF('各会計、関係団体の財政状況及び健全化判断比率'!B28="","",'各会計、関係団体の財政状況及び健全化判断比率'!B28)</f>
        <v>国民健康保険事業特別会計（事業勘定）</v>
      </c>
      <c r="X34" s="408"/>
      <c r="Y34" s="408"/>
      <c r="Z34" s="408"/>
      <c r="AA34" s="408"/>
      <c r="AB34" s="408"/>
      <c r="AC34" s="408"/>
      <c r="AD34" s="408"/>
      <c r="AE34" s="408"/>
      <c r="AF34" s="408"/>
      <c r="AG34" s="408"/>
      <c r="AH34" s="408"/>
      <c r="AI34" s="408"/>
      <c r="AJ34" s="408"/>
      <c r="AK34" s="408"/>
      <c r="AL34" s="178"/>
      <c r="AM34" s="407">
        <f>IF(AO34="","",MAX(C34:D43,U34:V43)+1)</f>
        <v>8</v>
      </c>
      <c r="AN34" s="407"/>
      <c r="AO34" s="408" t="str">
        <f>IF('各会計、関係団体の財政状況及び健全化判断比率'!B33="","",'各会計、関係団体の財政状況及び健全化判断比率'!B33)</f>
        <v>水道事業会計</v>
      </c>
      <c r="AP34" s="408"/>
      <c r="AQ34" s="408"/>
      <c r="AR34" s="408"/>
      <c r="AS34" s="408"/>
      <c r="AT34" s="408"/>
      <c r="AU34" s="408"/>
      <c r="AV34" s="408"/>
      <c r="AW34" s="408"/>
      <c r="AX34" s="408"/>
      <c r="AY34" s="408"/>
      <c r="AZ34" s="408"/>
      <c r="BA34" s="408"/>
      <c r="BB34" s="408"/>
      <c r="BC34" s="408"/>
      <c r="BD34" s="178"/>
      <c r="BE34" s="407">
        <f>IF(BG34="","",MAX(C34:D43,U34:V43,AM34:AN43)+1)</f>
        <v>9</v>
      </c>
      <c r="BF34" s="407"/>
      <c r="BG34" s="408" t="str">
        <f>IF('各会計、関係団体の財政状況及び健全化判断比率'!B34="","",'各会計、関係団体の財政状況及び健全化判断比率'!B34)</f>
        <v>下水道事業特別会計</v>
      </c>
      <c r="BH34" s="408"/>
      <c r="BI34" s="408"/>
      <c r="BJ34" s="408"/>
      <c r="BK34" s="408"/>
      <c r="BL34" s="408"/>
      <c r="BM34" s="408"/>
      <c r="BN34" s="408"/>
      <c r="BO34" s="408"/>
      <c r="BP34" s="408"/>
      <c r="BQ34" s="408"/>
      <c r="BR34" s="408"/>
      <c r="BS34" s="408"/>
      <c r="BT34" s="408"/>
      <c r="BU34" s="408"/>
      <c r="BV34" s="178"/>
      <c r="BW34" s="407">
        <f>IF(BY34="","",MAX(C34:D43,U34:V43,AM34:AN43,BE34:BF43)+1)</f>
        <v>10</v>
      </c>
      <c r="BX34" s="407"/>
      <c r="BY34" s="408" t="str">
        <f>IF('各会計、関係団体の財政状況及び健全化判断比率'!B68="","",'各会計、関係団体の財政状況及び健全化判断比率'!B68)</f>
        <v>湯河原町真鶴町衛生組合</v>
      </c>
      <c r="BZ34" s="408"/>
      <c r="CA34" s="408"/>
      <c r="CB34" s="408"/>
      <c r="CC34" s="408"/>
      <c r="CD34" s="408"/>
      <c r="CE34" s="408"/>
      <c r="CF34" s="408"/>
      <c r="CG34" s="408"/>
      <c r="CH34" s="408"/>
      <c r="CI34" s="408"/>
      <c r="CJ34" s="408"/>
      <c r="CK34" s="408"/>
      <c r="CL34" s="408"/>
      <c r="CM34" s="408"/>
      <c r="CN34" s="178"/>
      <c r="CO34" s="407">
        <f>IF(CQ34="","",MAX(C34:D43,U34:V43,AM34:AN43,BE34:BF43,BW34:BX43)+1)</f>
        <v>15</v>
      </c>
      <c r="CP34" s="407"/>
      <c r="CQ34" s="408" t="str">
        <f>IF('各会計、関係団体の財政状況及び健全化判断比率'!BS7="","",'各会計、関係団体の財政状況及び健全化判断比率'!BS7)</f>
        <v>公益財団法人かながわ海岸美化財団</v>
      </c>
      <c r="CR34" s="408"/>
      <c r="CS34" s="408"/>
      <c r="CT34" s="408"/>
      <c r="CU34" s="408"/>
      <c r="CV34" s="408"/>
      <c r="CW34" s="408"/>
      <c r="CX34" s="408"/>
      <c r="CY34" s="408"/>
      <c r="CZ34" s="408"/>
      <c r="DA34" s="408"/>
      <c r="DB34" s="408"/>
      <c r="DC34" s="408"/>
      <c r="DD34" s="408"/>
      <c r="DE34" s="408"/>
      <c r="DG34" s="405" t="str">
        <f>IF('各会計、関係団体の財政状況及び健全化判断比率'!BR7="","",'各会計、関係団体の財政状況及び健全化判断比率'!BR7)</f>
        <v/>
      </c>
      <c r="DH34" s="405"/>
      <c r="DI34" s="205"/>
    </row>
    <row r="35" spans="1:113" ht="32.25" customHeight="1" x14ac:dyDescent="0.2">
      <c r="A35" s="178"/>
      <c r="B35" s="202"/>
      <c r="C35" s="407">
        <f>IF(E35="","",C34+1)</f>
        <v>2</v>
      </c>
      <c r="D35" s="407"/>
      <c r="E35" s="408" t="str">
        <f>IF('各会計、関係団体の財政状況及び健全化判断比率'!B8="","",'各会計、関係団体の財政状況及び健全化判断比率'!B8)</f>
        <v>真鶴魚座・ケープ真鶴特別会計</v>
      </c>
      <c r="F35" s="408"/>
      <c r="G35" s="408"/>
      <c r="H35" s="408"/>
      <c r="I35" s="408"/>
      <c r="J35" s="408"/>
      <c r="K35" s="408"/>
      <c r="L35" s="408"/>
      <c r="M35" s="408"/>
      <c r="N35" s="408"/>
      <c r="O35" s="408"/>
      <c r="P35" s="408"/>
      <c r="Q35" s="408"/>
      <c r="R35" s="408"/>
      <c r="S35" s="408"/>
      <c r="T35" s="178"/>
      <c r="U35" s="407">
        <f>IF(W35="","",U34+1)</f>
        <v>4</v>
      </c>
      <c r="V35" s="407"/>
      <c r="W35" s="408" t="str">
        <f>IF('各会計、関係団体の財政状況及び健全化判断比率'!B29="","",'各会計、関係団体の財政状況及び健全化判断比率'!B29)</f>
        <v>国民健康保険事業特別会計（施設勘定）</v>
      </c>
      <c r="X35" s="408"/>
      <c r="Y35" s="408"/>
      <c r="Z35" s="408"/>
      <c r="AA35" s="408"/>
      <c r="AB35" s="408"/>
      <c r="AC35" s="408"/>
      <c r="AD35" s="408"/>
      <c r="AE35" s="408"/>
      <c r="AF35" s="408"/>
      <c r="AG35" s="408"/>
      <c r="AH35" s="408"/>
      <c r="AI35" s="408"/>
      <c r="AJ35" s="408"/>
      <c r="AK35" s="408"/>
      <c r="AL35" s="178"/>
      <c r="AM35" s="407" t="str">
        <f t="shared" ref="AM35:AM43" si="0">IF(AO35="","",AM34+1)</f>
        <v/>
      </c>
      <c r="AN35" s="407"/>
      <c r="AO35" s="408"/>
      <c r="AP35" s="408"/>
      <c r="AQ35" s="408"/>
      <c r="AR35" s="408"/>
      <c r="AS35" s="408"/>
      <c r="AT35" s="408"/>
      <c r="AU35" s="408"/>
      <c r="AV35" s="408"/>
      <c r="AW35" s="408"/>
      <c r="AX35" s="408"/>
      <c r="AY35" s="408"/>
      <c r="AZ35" s="408"/>
      <c r="BA35" s="408"/>
      <c r="BB35" s="408"/>
      <c r="BC35" s="408"/>
      <c r="BD35" s="178"/>
      <c r="BE35" s="407" t="str">
        <f t="shared" ref="BE35:BE43" si="1">IF(BG35="","",BE34+1)</f>
        <v/>
      </c>
      <c r="BF35" s="407"/>
      <c r="BG35" s="408"/>
      <c r="BH35" s="408"/>
      <c r="BI35" s="408"/>
      <c r="BJ35" s="408"/>
      <c r="BK35" s="408"/>
      <c r="BL35" s="408"/>
      <c r="BM35" s="408"/>
      <c r="BN35" s="408"/>
      <c r="BO35" s="408"/>
      <c r="BP35" s="408"/>
      <c r="BQ35" s="408"/>
      <c r="BR35" s="408"/>
      <c r="BS35" s="408"/>
      <c r="BT35" s="408"/>
      <c r="BU35" s="408"/>
      <c r="BV35" s="178"/>
      <c r="BW35" s="407">
        <f t="shared" ref="BW35:BW43" si="2">IF(BY35="","",BW34+1)</f>
        <v>11</v>
      </c>
      <c r="BX35" s="407"/>
      <c r="BY35" s="408" t="str">
        <f>IF('各会計、関係団体の財政状況及び健全化判断比率'!B69="","",'各会計、関係団体の財政状況及び健全化判断比率'!B69)</f>
        <v>神奈川県市町村職員退職手当組合</v>
      </c>
      <c r="BZ35" s="408"/>
      <c r="CA35" s="408"/>
      <c r="CB35" s="408"/>
      <c r="CC35" s="408"/>
      <c r="CD35" s="408"/>
      <c r="CE35" s="408"/>
      <c r="CF35" s="408"/>
      <c r="CG35" s="408"/>
      <c r="CH35" s="408"/>
      <c r="CI35" s="408"/>
      <c r="CJ35" s="408"/>
      <c r="CK35" s="408"/>
      <c r="CL35" s="408"/>
      <c r="CM35" s="408"/>
      <c r="CN35" s="178"/>
      <c r="CO35" s="407">
        <f t="shared" ref="CO35:CO43" si="3">IF(CQ35="","",CO34+1)</f>
        <v>16</v>
      </c>
      <c r="CP35" s="407"/>
      <c r="CQ35" s="408" t="str">
        <f>IF('各会計、関係団体の財政状況及び健全化判断比率'!BS8="","",'各会計、関係団体の財政状況及び健全化判断比率'!BS8)</f>
        <v>公益財団法人かながわ健康財団</v>
      </c>
      <c r="CR35" s="408"/>
      <c r="CS35" s="408"/>
      <c r="CT35" s="408"/>
      <c r="CU35" s="408"/>
      <c r="CV35" s="408"/>
      <c r="CW35" s="408"/>
      <c r="CX35" s="408"/>
      <c r="CY35" s="408"/>
      <c r="CZ35" s="408"/>
      <c r="DA35" s="408"/>
      <c r="DB35" s="408"/>
      <c r="DC35" s="408"/>
      <c r="DD35" s="408"/>
      <c r="DE35" s="408"/>
      <c r="DG35" s="405" t="str">
        <f>IF('各会計、関係団体の財政状況及び健全化判断比率'!BR8="","",'各会計、関係団体の財政状況及び健全化判断比率'!BR8)</f>
        <v/>
      </c>
      <c r="DH35" s="405"/>
      <c r="DI35" s="205"/>
    </row>
    <row r="36" spans="1:113" ht="32.25" customHeight="1" x14ac:dyDescent="0.2">
      <c r="A36" s="178"/>
      <c r="B36" s="202"/>
      <c r="C36" s="407" t="str">
        <f>IF(E36="","",C35+1)</f>
        <v/>
      </c>
      <c r="D36" s="407"/>
      <c r="E36" s="408" t="str">
        <f>IF('各会計、関係団体の財政状況及び健全化判断比率'!B9="","",'各会計、関係団体の財政状況及び健全化判断比率'!B9)</f>
        <v/>
      </c>
      <c r="F36" s="408"/>
      <c r="G36" s="408"/>
      <c r="H36" s="408"/>
      <c r="I36" s="408"/>
      <c r="J36" s="408"/>
      <c r="K36" s="408"/>
      <c r="L36" s="408"/>
      <c r="M36" s="408"/>
      <c r="N36" s="408"/>
      <c r="O36" s="408"/>
      <c r="P36" s="408"/>
      <c r="Q36" s="408"/>
      <c r="R36" s="408"/>
      <c r="S36" s="408"/>
      <c r="T36" s="178"/>
      <c r="U36" s="407">
        <f t="shared" ref="U36:U43" si="4">IF(W36="","",U35+1)</f>
        <v>5</v>
      </c>
      <c r="V36" s="407"/>
      <c r="W36" s="408" t="str">
        <f>IF('各会計、関係団体の財政状況及び健全化判断比率'!B30="","",'各会計、関係団体の財政状況及び健全化判断比率'!B30)</f>
        <v>介護保険事業特別会計（保険事業勘定）</v>
      </c>
      <c r="X36" s="408"/>
      <c r="Y36" s="408"/>
      <c r="Z36" s="408"/>
      <c r="AA36" s="408"/>
      <c r="AB36" s="408"/>
      <c r="AC36" s="408"/>
      <c r="AD36" s="408"/>
      <c r="AE36" s="408"/>
      <c r="AF36" s="408"/>
      <c r="AG36" s="408"/>
      <c r="AH36" s="408"/>
      <c r="AI36" s="408"/>
      <c r="AJ36" s="408"/>
      <c r="AK36" s="408"/>
      <c r="AL36" s="178"/>
      <c r="AM36" s="407" t="str">
        <f t="shared" si="0"/>
        <v/>
      </c>
      <c r="AN36" s="407"/>
      <c r="AO36" s="408"/>
      <c r="AP36" s="408"/>
      <c r="AQ36" s="408"/>
      <c r="AR36" s="408"/>
      <c r="AS36" s="408"/>
      <c r="AT36" s="408"/>
      <c r="AU36" s="408"/>
      <c r="AV36" s="408"/>
      <c r="AW36" s="408"/>
      <c r="AX36" s="408"/>
      <c r="AY36" s="408"/>
      <c r="AZ36" s="408"/>
      <c r="BA36" s="408"/>
      <c r="BB36" s="408"/>
      <c r="BC36" s="408"/>
      <c r="BD36" s="178"/>
      <c r="BE36" s="407" t="str">
        <f t="shared" si="1"/>
        <v/>
      </c>
      <c r="BF36" s="407"/>
      <c r="BG36" s="408"/>
      <c r="BH36" s="408"/>
      <c r="BI36" s="408"/>
      <c r="BJ36" s="408"/>
      <c r="BK36" s="408"/>
      <c r="BL36" s="408"/>
      <c r="BM36" s="408"/>
      <c r="BN36" s="408"/>
      <c r="BO36" s="408"/>
      <c r="BP36" s="408"/>
      <c r="BQ36" s="408"/>
      <c r="BR36" s="408"/>
      <c r="BS36" s="408"/>
      <c r="BT36" s="408"/>
      <c r="BU36" s="408"/>
      <c r="BV36" s="178"/>
      <c r="BW36" s="407">
        <f t="shared" si="2"/>
        <v>12</v>
      </c>
      <c r="BX36" s="407"/>
      <c r="BY36" s="408" t="str">
        <f>IF('各会計、関係団体の財政状況及び健全化判断比率'!B70="","",'各会計、関係団体の財政状況及び健全化判断比率'!B70)</f>
        <v>神奈川県後期高齢者医療広域連合（一般会計）</v>
      </c>
      <c r="BZ36" s="408"/>
      <c r="CA36" s="408"/>
      <c r="CB36" s="408"/>
      <c r="CC36" s="408"/>
      <c r="CD36" s="408"/>
      <c r="CE36" s="408"/>
      <c r="CF36" s="408"/>
      <c r="CG36" s="408"/>
      <c r="CH36" s="408"/>
      <c r="CI36" s="408"/>
      <c r="CJ36" s="408"/>
      <c r="CK36" s="408"/>
      <c r="CL36" s="408"/>
      <c r="CM36" s="408"/>
      <c r="CN36" s="178"/>
      <c r="CO36" s="407" t="str">
        <f t="shared" si="3"/>
        <v/>
      </c>
      <c r="CP36" s="407"/>
      <c r="CQ36" s="408" t="str">
        <f>IF('各会計、関係団体の財政状況及び健全化判断比率'!BS9="","",'各会計、関係団体の財政状況及び健全化判断比率'!BS9)</f>
        <v/>
      </c>
      <c r="CR36" s="408"/>
      <c r="CS36" s="408"/>
      <c r="CT36" s="408"/>
      <c r="CU36" s="408"/>
      <c r="CV36" s="408"/>
      <c r="CW36" s="408"/>
      <c r="CX36" s="408"/>
      <c r="CY36" s="408"/>
      <c r="CZ36" s="408"/>
      <c r="DA36" s="408"/>
      <c r="DB36" s="408"/>
      <c r="DC36" s="408"/>
      <c r="DD36" s="408"/>
      <c r="DE36" s="408"/>
      <c r="DG36" s="405" t="str">
        <f>IF('各会計、関係団体の財政状況及び健全化判断比率'!BR9="","",'各会計、関係団体の財政状況及び健全化判断比率'!BR9)</f>
        <v/>
      </c>
      <c r="DH36" s="405"/>
      <c r="DI36" s="205"/>
    </row>
    <row r="37" spans="1:113" ht="32.25" customHeight="1" x14ac:dyDescent="0.2">
      <c r="A37" s="178"/>
      <c r="B37" s="202"/>
      <c r="C37" s="407" t="str">
        <f>IF(E37="","",C36+1)</f>
        <v/>
      </c>
      <c r="D37" s="407"/>
      <c r="E37" s="408" t="str">
        <f>IF('各会計、関係団体の財政状況及び健全化判断比率'!B10="","",'各会計、関係団体の財政状況及び健全化判断比率'!B10)</f>
        <v/>
      </c>
      <c r="F37" s="408"/>
      <c r="G37" s="408"/>
      <c r="H37" s="408"/>
      <c r="I37" s="408"/>
      <c r="J37" s="408"/>
      <c r="K37" s="408"/>
      <c r="L37" s="408"/>
      <c r="M37" s="408"/>
      <c r="N37" s="408"/>
      <c r="O37" s="408"/>
      <c r="P37" s="408"/>
      <c r="Q37" s="408"/>
      <c r="R37" s="408"/>
      <c r="S37" s="408"/>
      <c r="T37" s="178"/>
      <c r="U37" s="407">
        <f t="shared" si="4"/>
        <v>6</v>
      </c>
      <c r="V37" s="407"/>
      <c r="W37" s="408" t="str">
        <f>IF('各会計、関係団体の財政状況及び健全化判断比率'!B31="","",'各会計、関係団体の財政状況及び健全化判断比率'!B31)</f>
        <v>介護保険事業特別会計（介護サービス事業勘定）</v>
      </c>
      <c r="X37" s="408"/>
      <c r="Y37" s="408"/>
      <c r="Z37" s="408"/>
      <c r="AA37" s="408"/>
      <c r="AB37" s="408"/>
      <c r="AC37" s="408"/>
      <c r="AD37" s="408"/>
      <c r="AE37" s="408"/>
      <c r="AF37" s="408"/>
      <c r="AG37" s="408"/>
      <c r="AH37" s="408"/>
      <c r="AI37" s="408"/>
      <c r="AJ37" s="408"/>
      <c r="AK37" s="408"/>
      <c r="AL37" s="178"/>
      <c r="AM37" s="407" t="str">
        <f t="shared" si="0"/>
        <v/>
      </c>
      <c r="AN37" s="407"/>
      <c r="AO37" s="408"/>
      <c r="AP37" s="408"/>
      <c r="AQ37" s="408"/>
      <c r="AR37" s="408"/>
      <c r="AS37" s="408"/>
      <c r="AT37" s="408"/>
      <c r="AU37" s="408"/>
      <c r="AV37" s="408"/>
      <c r="AW37" s="408"/>
      <c r="AX37" s="408"/>
      <c r="AY37" s="408"/>
      <c r="AZ37" s="408"/>
      <c r="BA37" s="408"/>
      <c r="BB37" s="408"/>
      <c r="BC37" s="408"/>
      <c r="BD37" s="178"/>
      <c r="BE37" s="407" t="str">
        <f t="shared" si="1"/>
        <v/>
      </c>
      <c r="BF37" s="407"/>
      <c r="BG37" s="408"/>
      <c r="BH37" s="408"/>
      <c r="BI37" s="408"/>
      <c r="BJ37" s="408"/>
      <c r="BK37" s="408"/>
      <c r="BL37" s="408"/>
      <c r="BM37" s="408"/>
      <c r="BN37" s="408"/>
      <c r="BO37" s="408"/>
      <c r="BP37" s="408"/>
      <c r="BQ37" s="408"/>
      <c r="BR37" s="408"/>
      <c r="BS37" s="408"/>
      <c r="BT37" s="408"/>
      <c r="BU37" s="408"/>
      <c r="BV37" s="178"/>
      <c r="BW37" s="407">
        <f t="shared" si="2"/>
        <v>13</v>
      </c>
      <c r="BX37" s="407"/>
      <c r="BY37" s="408" t="str">
        <f>IF('各会計、関係団体の財政状況及び健全化判断比率'!B71="","",'各会計、関係団体の財政状況及び健全化判断比率'!B71)</f>
        <v>神奈川県後期高齢者医療広域連合（事業会計）</v>
      </c>
      <c r="BZ37" s="408"/>
      <c r="CA37" s="408"/>
      <c r="CB37" s="408"/>
      <c r="CC37" s="408"/>
      <c r="CD37" s="408"/>
      <c r="CE37" s="408"/>
      <c r="CF37" s="408"/>
      <c r="CG37" s="408"/>
      <c r="CH37" s="408"/>
      <c r="CI37" s="408"/>
      <c r="CJ37" s="408"/>
      <c r="CK37" s="408"/>
      <c r="CL37" s="408"/>
      <c r="CM37" s="408"/>
      <c r="CN37" s="178"/>
      <c r="CO37" s="407" t="str">
        <f t="shared" si="3"/>
        <v/>
      </c>
      <c r="CP37" s="407"/>
      <c r="CQ37" s="408" t="str">
        <f>IF('各会計、関係団体の財政状況及び健全化判断比率'!BS10="","",'各会計、関係団体の財政状況及び健全化判断比率'!BS10)</f>
        <v/>
      </c>
      <c r="CR37" s="408"/>
      <c r="CS37" s="408"/>
      <c r="CT37" s="408"/>
      <c r="CU37" s="408"/>
      <c r="CV37" s="408"/>
      <c r="CW37" s="408"/>
      <c r="CX37" s="408"/>
      <c r="CY37" s="408"/>
      <c r="CZ37" s="408"/>
      <c r="DA37" s="408"/>
      <c r="DB37" s="408"/>
      <c r="DC37" s="408"/>
      <c r="DD37" s="408"/>
      <c r="DE37" s="408"/>
      <c r="DG37" s="405" t="str">
        <f>IF('各会計、関係団体の財政状況及び健全化判断比率'!BR10="","",'各会計、関係団体の財政状況及び健全化判断比率'!BR10)</f>
        <v/>
      </c>
      <c r="DH37" s="405"/>
      <c r="DI37" s="205"/>
    </row>
    <row r="38" spans="1:113" ht="32.25" customHeight="1" x14ac:dyDescent="0.2">
      <c r="A38" s="178"/>
      <c r="B38" s="202"/>
      <c r="C38" s="407" t="str">
        <f t="shared" ref="C38:C43" si="5">IF(E38="","",C37+1)</f>
        <v/>
      </c>
      <c r="D38" s="407"/>
      <c r="E38" s="408" t="str">
        <f>IF('各会計、関係団体の財政状況及び健全化判断比率'!B11="","",'各会計、関係団体の財政状況及び健全化判断比率'!B11)</f>
        <v/>
      </c>
      <c r="F38" s="408"/>
      <c r="G38" s="408"/>
      <c r="H38" s="408"/>
      <c r="I38" s="408"/>
      <c r="J38" s="408"/>
      <c r="K38" s="408"/>
      <c r="L38" s="408"/>
      <c r="M38" s="408"/>
      <c r="N38" s="408"/>
      <c r="O38" s="408"/>
      <c r="P38" s="408"/>
      <c r="Q38" s="408"/>
      <c r="R38" s="408"/>
      <c r="S38" s="408"/>
      <c r="T38" s="178"/>
      <c r="U38" s="407">
        <f t="shared" si="4"/>
        <v>7</v>
      </c>
      <c r="V38" s="407"/>
      <c r="W38" s="408" t="str">
        <f>IF('各会計、関係団体の財政状況及び健全化判断比率'!B32="","",'各会計、関係団体の財政状況及び健全化判断比率'!B32)</f>
        <v>後期高齢者医療特別会計</v>
      </c>
      <c r="X38" s="408"/>
      <c r="Y38" s="408"/>
      <c r="Z38" s="408"/>
      <c r="AA38" s="408"/>
      <c r="AB38" s="408"/>
      <c r="AC38" s="408"/>
      <c r="AD38" s="408"/>
      <c r="AE38" s="408"/>
      <c r="AF38" s="408"/>
      <c r="AG38" s="408"/>
      <c r="AH38" s="408"/>
      <c r="AI38" s="408"/>
      <c r="AJ38" s="408"/>
      <c r="AK38" s="408"/>
      <c r="AL38" s="178"/>
      <c r="AM38" s="407" t="str">
        <f t="shared" si="0"/>
        <v/>
      </c>
      <c r="AN38" s="407"/>
      <c r="AO38" s="408"/>
      <c r="AP38" s="408"/>
      <c r="AQ38" s="408"/>
      <c r="AR38" s="408"/>
      <c r="AS38" s="408"/>
      <c r="AT38" s="408"/>
      <c r="AU38" s="408"/>
      <c r="AV38" s="408"/>
      <c r="AW38" s="408"/>
      <c r="AX38" s="408"/>
      <c r="AY38" s="408"/>
      <c r="AZ38" s="408"/>
      <c r="BA38" s="408"/>
      <c r="BB38" s="408"/>
      <c r="BC38" s="408"/>
      <c r="BD38" s="178"/>
      <c r="BE38" s="407" t="str">
        <f t="shared" si="1"/>
        <v/>
      </c>
      <c r="BF38" s="407"/>
      <c r="BG38" s="408"/>
      <c r="BH38" s="408"/>
      <c r="BI38" s="408"/>
      <c r="BJ38" s="408"/>
      <c r="BK38" s="408"/>
      <c r="BL38" s="408"/>
      <c r="BM38" s="408"/>
      <c r="BN38" s="408"/>
      <c r="BO38" s="408"/>
      <c r="BP38" s="408"/>
      <c r="BQ38" s="408"/>
      <c r="BR38" s="408"/>
      <c r="BS38" s="408"/>
      <c r="BT38" s="408"/>
      <c r="BU38" s="408"/>
      <c r="BV38" s="178"/>
      <c r="BW38" s="407">
        <f t="shared" si="2"/>
        <v>14</v>
      </c>
      <c r="BX38" s="407"/>
      <c r="BY38" s="408" t="str">
        <f>IF('各会計、関係団体の財政状況及び健全化判断比率'!B72="","",'各会計、関係団体の財政状況及び健全化判断比率'!B72)</f>
        <v>神奈川県町村情報システム共同事業組合</v>
      </c>
      <c r="BZ38" s="408"/>
      <c r="CA38" s="408"/>
      <c r="CB38" s="408"/>
      <c r="CC38" s="408"/>
      <c r="CD38" s="408"/>
      <c r="CE38" s="408"/>
      <c r="CF38" s="408"/>
      <c r="CG38" s="408"/>
      <c r="CH38" s="408"/>
      <c r="CI38" s="408"/>
      <c r="CJ38" s="408"/>
      <c r="CK38" s="408"/>
      <c r="CL38" s="408"/>
      <c r="CM38" s="408"/>
      <c r="CN38" s="178"/>
      <c r="CO38" s="407" t="str">
        <f t="shared" si="3"/>
        <v/>
      </c>
      <c r="CP38" s="407"/>
      <c r="CQ38" s="408" t="str">
        <f>IF('各会計、関係団体の財政状況及び健全化判断比率'!BS11="","",'各会計、関係団体の財政状況及び健全化判断比率'!BS11)</f>
        <v/>
      </c>
      <c r="CR38" s="408"/>
      <c r="CS38" s="408"/>
      <c r="CT38" s="408"/>
      <c r="CU38" s="408"/>
      <c r="CV38" s="408"/>
      <c r="CW38" s="408"/>
      <c r="CX38" s="408"/>
      <c r="CY38" s="408"/>
      <c r="CZ38" s="408"/>
      <c r="DA38" s="408"/>
      <c r="DB38" s="408"/>
      <c r="DC38" s="408"/>
      <c r="DD38" s="408"/>
      <c r="DE38" s="408"/>
      <c r="DG38" s="405" t="str">
        <f>IF('各会計、関係団体の財政状況及び健全化判断比率'!BR11="","",'各会計、関係団体の財政状況及び健全化判断比率'!BR11)</f>
        <v/>
      </c>
      <c r="DH38" s="405"/>
      <c r="DI38" s="205"/>
    </row>
    <row r="39" spans="1:113" ht="32.25" customHeight="1" x14ac:dyDescent="0.2">
      <c r="A39" s="178"/>
      <c r="B39" s="202"/>
      <c r="C39" s="407" t="str">
        <f t="shared" si="5"/>
        <v/>
      </c>
      <c r="D39" s="407"/>
      <c r="E39" s="408" t="str">
        <f>IF('各会計、関係団体の財政状況及び健全化判断比率'!B12="","",'各会計、関係団体の財政状況及び健全化判断比率'!B12)</f>
        <v/>
      </c>
      <c r="F39" s="408"/>
      <c r="G39" s="408"/>
      <c r="H39" s="408"/>
      <c r="I39" s="408"/>
      <c r="J39" s="408"/>
      <c r="K39" s="408"/>
      <c r="L39" s="408"/>
      <c r="M39" s="408"/>
      <c r="N39" s="408"/>
      <c r="O39" s="408"/>
      <c r="P39" s="408"/>
      <c r="Q39" s="408"/>
      <c r="R39" s="408"/>
      <c r="S39" s="408"/>
      <c r="T39" s="178"/>
      <c r="U39" s="407" t="str">
        <f t="shared" si="4"/>
        <v/>
      </c>
      <c r="V39" s="407"/>
      <c r="W39" s="408"/>
      <c r="X39" s="408"/>
      <c r="Y39" s="408"/>
      <c r="Z39" s="408"/>
      <c r="AA39" s="408"/>
      <c r="AB39" s="408"/>
      <c r="AC39" s="408"/>
      <c r="AD39" s="408"/>
      <c r="AE39" s="408"/>
      <c r="AF39" s="408"/>
      <c r="AG39" s="408"/>
      <c r="AH39" s="408"/>
      <c r="AI39" s="408"/>
      <c r="AJ39" s="408"/>
      <c r="AK39" s="408"/>
      <c r="AL39" s="178"/>
      <c r="AM39" s="407" t="str">
        <f t="shared" si="0"/>
        <v/>
      </c>
      <c r="AN39" s="407"/>
      <c r="AO39" s="408"/>
      <c r="AP39" s="408"/>
      <c r="AQ39" s="408"/>
      <c r="AR39" s="408"/>
      <c r="AS39" s="408"/>
      <c r="AT39" s="408"/>
      <c r="AU39" s="408"/>
      <c r="AV39" s="408"/>
      <c r="AW39" s="408"/>
      <c r="AX39" s="408"/>
      <c r="AY39" s="408"/>
      <c r="AZ39" s="408"/>
      <c r="BA39" s="408"/>
      <c r="BB39" s="408"/>
      <c r="BC39" s="408"/>
      <c r="BD39" s="178"/>
      <c r="BE39" s="407" t="str">
        <f t="shared" si="1"/>
        <v/>
      </c>
      <c r="BF39" s="407"/>
      <c r="BG39" s="408"/>
      <c r="BH39" s="408"/>
      <c r="BI39" s="408"/>
      <c r="BJ39" s="408"/>
      <c r="BK39" s="408"/>
      <c r="BL39" s="408"/>
      <c r="BM39" s="408"/>
      <c r="BN39" s="408"/>
      <c r="BO39" s="408"/>
      <c r="BP39" s="408"/>
      <c r="BQ39" s="408"/>
      <c r="BR39" s="408"/>
      <c r="BS39" s="408"/>
      <c r="BT39" s="408"/>
      <c r="BU39" s="408"/>
      <c r="BV39" s="178"/>
      <c r="BW39" s="407" t="str">
        <f t="shared" si="2"/>
        <v/>
      </c>
      <c r="BX39" s="407"/>
      <c r="BY39" s="408" t="str">
        <f>IF('各会計、関係団体の財政状況及び健全化判断比率'!B73="","",'各会計、関係団体の財政状況及び健全化判断比率'!B73)</f>
        <v/>
      </c>
      <c r="BZ39" s="408"/>
      <c r="CA39" s="408"/>
      <c r="CB39" s="408"/>
      <c r="CC39" s="408"/>
      <c r="CD39" s="408"/>
      <c r="CE39" s="408"/>
      <c r="CF39" s="408"/>
      <c r="CG39" s="408"/>
      <c r="CH39" s="408"/>
      <c r="CI39" s="408"/>
      <c r="CJ39" s="408"/>
      <c r="CK39" s="408"/>
      <c r="CL39" s="408"/>
      <c r="CM39" s="408"/>
      <c r="CN39" s="178"/>
      <c r="CO39" s="407" t="str">
        <f t="shared" si="3"/>
        <v/>
      </c>
      <c r="CP39" s="407"/>
      <c r="CQ39" s="408" t="str">
        <f>IF('各会計、関係団体の財政状況及び健全化判断比率'!BS12="","",'各会計、関係団体の財政状況及び健全化判断比率'!BS12)</f>
        <v/>
      </c>
      <c r="CR39" s="408"/>
      <c r="CS39" s="408"/>
      <c r="CT39" s="408"/>
      <c r="CU39" s="408"/>
      <c r="CV39" s="408"/>
      <c r="CW39" s="408"/>
      <c r="CX39" s="408"/>
      <c r="CY39" s="408"/>
      <c r="CZ39" s="408"/>
      <c r="DA39" s="408"/>
      <c r="DB39" s="408"/>
      <c r="DC39" s="408"/>
      <c r="DD39" s="408"/>
      <c r="DE39" s="408"/>
      <c r="DG39" s="405" t="str">
        <f>IF('各会計、関係団体の財政状況及び健全化判断比率'!BR12="","",'各会計、関係団体の財政状況及び健全化判断比率'!BR12)</f>
        <v/>
      </c>
      <c r="DH39" s="405"/>
      <c r="DI39" s="205"/>
    </row>
    <row r="40" spans="1:113" ht="32.25" customHeight="1" x14ac:dyDescent="0.2">
      <c r="A40" s="178"/>
      <c r="B40" s="202"/>
      <c r="C40" s="407" t="str">
        <f t="shared" si="5"/>
        <v/>
      </c>
      <c r="D40" s="407"/>
      <c r="E40" s="408" t="str">
        <f>IF('各会計、関係団体の財政状況及び健全化判断比率'!B13="","",'各会計、関係団体の財政状況及び健全化判断比率'!B13)</f>
        <v/>
      </c>
      <c r="F40" s="408"/>
      <c r="G40" s="408"/>
      <c r="H40" s="408"/>
      <c r="I40" s="408"/>
      <c r="J40" s="408"/>
      <c r="K40" s="408"/>
      <c r="L40" s="408"/>
      <c r="M40" s="408"/>
      <c r="N40" s="408"/>
      <c r="O40" s="408"/>
      <c r="P40" s="408"/>
      <c r="Q40" s="408"/>
      <c r="R40" s="408"/>
      <c r="S40" s="408"/>
      <c r="T40" s="178"/>
      <c r="U40" s="407" t="str">
        <f t="shared" si="4"/>
        <v/>
      </c>
      <c r="V40" s="407"/>
      <c r="W40" s="408"/>
      <c r="X40" s="408"/>
      <c r="Y40" s="408"/>
      <c r="Z40" s="408"/>
      <c r="AA40" s="408"/>
      <c r="AB40" s="408"/>
      <c r="AC40" s="408"/>
      <c r="AD40" s="408"/>
      <c r="AE40" s="408"/>
      <c r="AF40" s="408"/>
      <c r="AG40" s="408"/>
      <c r="AH40" s="408"/>
      <c r="AI40" s="408"/>
      <c r="AJ40" s="408"/>
      <c r="AK40" s="408"/>
      <c r="AL40" s="178"/>
      <c r="AM40" s="407" t="str">
        <f t="shared" si="0"/>
        <v/>
      </c>
      <c r="AN40" s="407"/>
      <c r="AO40" s="408"/>
      <c r="AP40" s="408"/>
      <c r="AQ40" s="408"/>
      <c r="AR40" s="408"/>
      <c r="AS40" s="408"/>
      <c r="AT40" s="408"/>
      <c r="AU40" s="408"/>
      <c r="AV40" s="408"/>
      <c r="AW40" s="408"/>
      <c r="AX40" s="408"/>
      <c r="AY40" s="408"/>
      <c r="AZ40" s="408"/>
      <c r="BA40" s="408"/>
      <c r="BB40" s="408"/>
      <c r="BC40" s="408"/>
      <c r="BD40" s="178"/>
      <c r="BE40" s="407" t="str">
        <f t="shared" si="1"/>
        <v/>
      </c>
      <c r="BF40" s="407"/>
      <c r="BG40" s="408"/>
      <c r="BH40" s="408"/>
      <c r="BI40" s="408"/>
      <c r="BJ40" s="408"/>
      <c r="BK40" s="408"/>
      <c r="BL40" s="408"/>
      <c r="BM40" s="408"/>
      <c r="BN40" s="408"/>
      <c r="BO40" s="408"/>
      <c r="BP40" s="408"/>
      <c r="BQ40" s="408"/>
      <c r="BR40" s="408"/>
      <c r="BS40" s="408"/>
      <c r="BT40" s="408"/>
      <c r="BU40" s="408"/>
      <c r="BV40" s="178"/>
      <c r="BW40" s="407" t="str">
        <f t="shared" si="2"/>
        <v/>
      </c>
      <c r="BX40" s="407"/>
      <c r="BY40" s="408" t="str">
        <f>IF('各会計、関係団体の財政状況及び健全化判断比率'!B74="","",'各会計、関係団体の財政状況及び健全化判断比率'!B74)</f>
        <v/>
      </c>
      <c r="BZ40" s="408"/>
      <c r="CA40" s="408"/>
      <c r="CB40" s="408"/>
      <c r="CC40" s="408"/>
      <c r="CD40" s="408"/>
      <c r="CE40" s="408"/>
      <c r="CF40" s="408"/>
      <c r="CG40" s="408"/>
      <c r="CH40" s="408"/>
      <c r="CI40" s="408"/>
      <c r="CJ40" s="408"/>
      <c r="CK40" s="408"/>
      <c r="CL40" s="408"/>
      <c r="CM40" s="408"/>
      <c r="CN40" s="178"/>
      <c r="CO40" s="407" t="str">
        <f t="shared" si="3"/>
        <v/>
      </c>
      <c r="CP40" s="407"/>
      <c r="CQ40" s="408" t="str">
        <f>IF('各会計、関係団体の財政状況及び健全化判断比率'!BS13="","",'各会計、関係団体の財政状況及び健全化判断比率'!BS13)</f>
        <v/>
      </c>
      <c r="CR40" s="408"/>
      <c r="CS40" s="408"/>
      <c r="CT40" s="408"/>
      <c r="CU40" s="408"/>
      <c r="CV40" s="408"/>
      <c r="CW40" s="408"/>
      <c r="CX40" s="408"/>
      <c r="CY40" s="408"/>
      <c r="CZ40" s="408"/>
      <c r="DA40" s="408"/>
      <c r="DB40" s="408"/>
      <c r="DC40" s="408"/>
      <c r="DD40" s="408"/>
      <c r="DE40" s="408"/>
      <c r="DG40" s="405" t="str">
        <f>IF('各会計、関係団体の財政状況及び健全化判断比率'!BR13="","",'各会計、関係団体の財政状況及び健全化判断比率'!BR13)</f>
        <v/>
      </c>
      <c r="DH40" s="405"/>
      <c r="DI40" s="205"/>
    </row>
    <row r="41" spans="1:113" ht="32.25" customHeight="1" x14ac:dyDescent="0.2">
      <c r="A41" s="178"/>
      <c r="B41" s="202"/>
      <c r="C41" s="407" t="str">
        <f t="shared" si="5"/>
        <v/>
      </c>
      <c r="D41" s="407"/>
      <c r="E41" s="408" t="str">
        <f>IF('各会計、関係団体の財政状況及び健全化判断比率'!B14="","",'各会計、関係団体の財政状況及び健全化判断比率'!B14)</f>
        <v/>
      </c>
      <c r="F41" s="408"/>
      <c r="G41" s="408"/>
      <c r="H41" s="408"/>
      <c r="I41" s="408"/>
      <c r="J41" s="408"/>
      <c r="K41" s="408"/>
      <c r="L41" s="408"/>
      <c r="M41" s="408"/>
      <c r="N41" s="408"/>
      <c r="O41" s="408"/>
      <c r="P41" s="408"/>
      <c r="Q41" s="408"/>
      <c r="R41" s="408"/>
      <c r="S41" s="408"/>
      <c r="T41" s="178"/>
      <c r="U41" s="407" t="str">
        <f t="shared" si="4"/>
        <v/>
      </c>
      <c r="V41" s="407"/>
      <c r="W41" s="408"/>
      <c r="X41" s="408"/>
      <c r="Y41" s="408"/>
      <c r="Z41" s="408"/>
      <c r="AA41" s="408"/>
      <c r="AB41" s="408"/>
      <c r="AC41" s="408"/>
      <c r="AD41" s="408"/>
      <c r="AE41" s="408"/>
      <c r="AF41" s="408"/>
      <c r="AG41" s="408"/>
      <c r="AH41" s="408"/>
      <c r="AI41" s="408"/>
      <c r="AJ41" s="408"/>
      <c r="AK41" s="408"/>
      <c r="AL41" s="178"/>
      <c r="AM41" s="407" t="str">
        <f t="shared" si="0"/>
        <v/>
      </c>
      <c r="AN41" s="407"/>
      <c r="AO41" s="408"/>
      <c r="AP41" s="408"/>
      <c r="AQ41" s="408"/>
      <c r="AR41" s="408"/>
      <c r="AS41" s="408"/>
      <c r="AT41" s="408"/>
      <c r="AU41" s="408"/>
      <c r="AV41" s="408"/>
      <c r="AW41" s="408"/>
      <c r="AX41" s="408"/>
      <c r="AY41" s="408"/>
      <c r="AZ41" s="408"/>
      <c r="BA41" s="408"/>
      <c r="BB41" s="408"/>
      <c r="BC41" s="408"/>
      <c r="BD41" s="178"/>
      <c r="BE41" s="407" t="str">
        <f t="shared" si="1"/>
        <v/>
      </c>
      <c r="BF41" s="407"/>
      <c r="BG41" s="408"/>
      <c r="BH41" s="408"/>
      <c r="BI41" s="408"/>
      <c r="BJ41" s="408"/>
      <c r="BK41" s="408"/>
      <c r="BL41" s="408"/>
      <c r="BM41" s="408"/>
      <c r="BN41" s="408"/>
      <c r="BO41" s="408"/>
      <c r="BP41" s="408"/>
      <c r="BQ41" s="408"/>
      <c r="BR41" s="408"/>
      <c r="BS41" s="408"/>
      <c r="BT41" s="408"/>
      <c r="BU41" s="408"/>
      <c r="BV41" s="178"/>
      <c r="BW41" s="407" t="str">
        <f t="shared" si="2"/>
        <v/>
      </c>
      <c r="BX41" s="407"/>
      <c r="BY41" s="408" t="str">
        <f>IF('各会計、関係団体の財政状況及び健全化判断比率'!B75="","",'各会計、関係団体の財政状況及び健全化判断比率'!B75)</f>
        <v/>
      </c>
      <c r="BZ41" s="408"/>
      <c r="CA41" s="408"/>
      <c r="CB41" s="408"/>
      <c r="CC41" s="408"/>
      <c r="CD41" s="408"/>
      <c r="CE41" s="408"/>
      <c r="CF41" s="408"/>
      <c r="CG41" s="408"/>
      <c r="CH41" s="408"/>
      <c r="CI41" s="408"/>
      <c r="CJ41" s="408"/>
      <c r="CK41" s="408"/>
      <c r="CL41" s="408"/>
      <c r="CM41" s="408"/>
      <c r="CN41" s="178"/>
      <c r="CO41" s="407" t="str">
        <f t="shared" si="3"/>
        <v/>
      </c>
      <c r="CP41" s="407"/>
      <c r="CQ41" s="408" t="str">
        <f>IF('各会計、関係団体の財政状況及び健全化判断比率'!BS14="","",'各会計、関係団体の財政状況及び健全化判断比率'!BS14)</f>
        <v/>
      </c>
      <c r="CR41" s="408"/>
      <c r="CS41" s="408"/>
      <c r="CT41" s="408"/>
      <c r="CU41" s="408"/>
      <c r="CV41" s="408"/>
      <c r="CW41" s="408"/>
      <c r="CX41" s="408"/>
      <c r="CY41" s="408"/>
      <c r="CZ41" s="408"/>
      <c r="DA41" s="408"/>
      <c r="DB41" s="408"/>
      <c r="DC41" s="408"/>
      <c r="DD41" s="408"/>
      <c r="DE41" s="408"/>
      <c r="DG41" s="405" t="str">
        <f>IF('各会計、関係団体の財政状況及び健全化判断比率'!BR14="","",'各会計、関係団体の財政状況及び健全化判断比率'!BR14)</f>
        <v/>
      </c>
      <c r="DH41" s="405"/>
      <c r="DI41" s="205"/>
    </row>
    <row r="42" spans="1:113" ht="32.25" customHeight="1" x14ac:dyDescent="0.2">
      <c r="B42" s="202"/>
      <c r="C42" s="407" t="str">
        <f t="shared" si="5"/>
        <v/>
      </c>
      <c r="D42" s="407"/>
      <c r="E42" s="408" t="str">
        <f>IF('各会計、関係団体の財政状況及び健全化判断比率'!B15="","",'各会計、関係団体の財政状況及び健全化判断比率'!B15)</f>
        <v/>
      </c>
      <c r="F42" s="408"/>
      <c r="G42" s="408"/>
      <c r="H42" s="408"/>
      <c r="I42" s="408"/>
      <c r="J42" s="408"/>
      <c r="K42" s="408"/>
      <c r="L42" s="408"/>
      <c r="M42" s="408"/>
      <c r="N42" s="408"/>
      <c r="O42" s="408"/>
      <c r="P42" s="408"/>
      <c r="Q42" s="408"/>
      <c r="R42" s="408"/>
      <c r="S42" s="408"/>
      <c r="T42" s="178"/>
      <c r="U42" s="407" t="str">
        <f t="shared" si="4"/>
        <v/>
      </c>
      <c r="V42" s="407"/>
      <c r="W42" s="408"/>
      <c r="X42" s="408"/>
      <c r="Y42" s="408"/>
      <c r="Z42" s="408"/>
      <c r="AA42" s="408"/>
      <c r="AB42" s="408"/>
      <c r="AC42" s="408"/>
      <c r="AD42" s="408"/>
      <c r="AE42" s="408"/>
      <c r="AF42" s="408"/>
      <c r="AG42" s="408"/>
      <c r="AH42" s="408"/>
      <c r="AI42" s="408"/>
      <c r="AJ42" s="408"/>
      <c r="AK42" s="408"/>
      <c r="AL42" s="178"/>
      <c r="AM42" s="407" t="str">
        <f t="shared" si="0"/>
        <v/>
      </c>
      <c r="AN42" s="407"/>
      <c r="AO42" s="408"/>
      <c r="AP42" s="408"/>
      <c r="AQ42" s="408"/>
      <c r="AR42" s="408"/>
      <c r="AS42" s="408"/>
      <c r="AT42" s="408"/>
      <c r="AU42" s="408"/>
      <c r="AV42" s="408"/>
      <c r="AW42" s="408"/>
      <c r="AX42" s="408"/>
      <c r="AY42" s="408"/>
      <c r="AZ42" s="408"/>
      <c r="BA42" s="408"/>
      <c r="BB42" s="408"/>
      <c r="BC42" s="408"/>
      <c r="BD42" s="178"/>
      <c r="BE42" s="407" t="str">
        <f t="shared" si="1"/>
        <v/>
      </c>
      <c r="BF42" s="407"/>
      <c r="BG42" s="408"/>
      <c r="BH42" s="408"/>
      <c r="BI42" s="408"/>
      <c r="BJ42" s="408"/>
      <c r="BK42" s="408"/>
      <c r="BL42" s="408"/>
      <c r="BM42" s="408"/>
      <c r="BN42" s="408"/>
      <c r="BO42" s="408"/>
      <c r="BP42" s="408"/>
      <c r="BQ42" s="408"/>
      <c r="BR42" s="408"/>
      <c r="BS42" s="408"/>
      <c r="BT42" s="408"/>
      <c r="BU42" s="408"/>
      <c r="BV42" s="178"/>
      <c r="BW42" s="407" t="str">
        <f t="shared" si="2"/>
        <v/>
      </c>
      <c r="BX42" s="407"/>
      <c r="BY42" s="408" t="str">
        <f>IF('各会計、関係団体の財政状況及び健全化判断比率'!B76="","",'各会計、関係団体の財政状況及び健全化判断比率'!B76)</f>
        <v/>
      </c>
      <c r="BZ42" s="408"/>
      <c r="CA42" s="408"/>
      <c r="CB42" s="408"/>
      <c r="CC42" s="408"/>
      <c r="CD42" s="408"/>
      <c r="CE42" s="408"/>
      <c r="CF42" s="408"/>
      <c r="CG42" s="408"/>
      <c r="CH42" s="408"/>
      <c r="CI42" s="408"/>
      <c r="CJ42" s="408"/>
      <c r="CK42" s="408"/>
      <c r="CL42" s="408"/>
      <c r="CM42" s="408"/>
      <c r="CN42" s="178"/>
      <c r="CO42" s="407" t="str">
        <f t="shared" si="3"/>
        <v/>
      </c>
      <c r="CP42" s="407"/>
      <c r="CQ42" s="408" t="str">
        <f>IF('各会計、関係団体の財政状況及び健全化判断比率'!BS15="","",'各会計、関係団体の財政状況及び健全化判断比率'!BS15)</f>
        <v/>
      </c>
      <c r="CR42" s="408"/>
      <c r="CS42" s="408"/>
      <c r="CT42" s="408"/>
      <c r="CU42" s="408"/>
      <c r="CV42" s="408"/>
      <c r="CW42" s="408"/>
      <c r="CX42" s="408"/>
      <c r="CY42" s="408"/>
      <c r="CZ42" s="408"/>
      <c r="DA42" s="408"/>
      <c r="DB42" s="408"/>
      <c r="DC42" s="408"/>
      <c r="DD42" s="408"/>
      <c r="DE42" s="408"/>
      <c r="DG42" s="405" t="str">
        <f>IF('各会計、関係団体の財政状況及び健全化判断比率'!BR15="","",'各会計、関係団体の財政状況及び健全化判断比率'!BR15)</f>
        <v/>
      </c>
      <c r="DH42" s="405"/>
      <c r="DI42" s="205"/>
    </row>
    <row r="43" spans="1:113" ht="32.25" customHeight="1" x14ac:dyDescent="0.2">
      <c r="B43" s="202"/>
      <c r="C43" s="407" t="str">
        <f t="shared" si="5"/>
        <v/>
      </c>
      <c r="D43" s="407"/>
      <c r="E43" s="408" t="str">
        <f>IF('各会計、関係団体の財政状況及び健全化判断比率'!B16="","",'各会計、関係団体の財政状況及び健全化判断比率'!B16)</f>
        <v/>
      </c>
      <c r="F43" s="408"/>
      <c r="G43" s="408"/>
      <c r="H43" s="408"/>
      <c r="I43" s="408"/>
      <c r="J43" s="408"/>
      <c r="K43" s="408"/>
      <c r="L43" s="408"/>
      <c r="M43" s="408"/>
      <c r="N43" s="408"/>
      <c r="O43" s="408"/>
      <c r="P43" s="408"/>
      <c r="Q43" s="408"/>
      <c r="R43" s="408"/>
      <c r="S43" s="408"/>
      <c r="T43" s="178"/>
      <c r="U43" s="407" t="str">
        <f t="shared" si="4"/>
        <v/>
      </c>
      <c r="V43" s="407"/>
      <c r="W43" s="408"/>
      <c r="X43" s="408"/>
      <c r="Y43" s="408"/>
      <c r="Z43" s="408"/>
      <c r="AA43" s="408"/>
      <c r="AB43" s="408"/>
      <c r="AC43" s="408"/>
      <c r="AD43" s="408"/>
      <c r="AE43" s="408"/>
      <c r="AF43" s="408"/>
      <c r="AG43" s="408"/>
      <c r="AH43" s="408"/>
      <c r="AI43" s="408"/>
      <c r="AJ43" s="408"/>
      <c r="AK43" s="408"/>
      <c r="AL43" s="178"/>
      <c r="AM43" s="407" t="str">
        <f t="shared" si="0"/>
        <v/>
      </c>
      <c r="AN43" s="407"/>
      <c r="AO43" s="408"/>
      <c r="AP43" s="408"/>
      <c r="AQ43" s="408"/>
      <c r="AR43" s="408"/>
      <c r="AS43" s="408"/>
      <c r="AT43" s="408"/>
      <c r="AU43" s="408"/>
      <c r="AV43" s="408"/>
      <c r="AW43" s="408"/>
      <c r="AX43" s="408"/>
      <c r="AY43" s="408"/>
      <c r="AZ43" s="408"/>
      <c r="BA43" s="408"/>
      <c r="BB43" s="408"/>
      <c r="BC43" s="408"/>
      <c r="BD43" s="178"/>
      <c r="BE43" s="407" t="str">
        <f t="shared" si="1"/>
        <v/>
      </c>
      <c r="BF43" s="407"/>
      <c r="BG43" s="408"/>
      <c r="BH43" s="408"/>
      <c r="BI43" s="408"/>
      <c r="BJ43" s="408"/>
      <c r="BK43" s="408"/>
      <c r="BL43" s="408"/>
      <c r="BM43" s="408"/>
      <c r="BN43" s="408"/>
      <c r="BO43" s="408"/>
      <c r="BP43" s="408"/>
      <c r="BQ43" s="408"/>
      <c r="BR43" s="408"/>
      <c r="BS43" s="408"/>
      <c r="BT43" s="408"/>
      <c r="BU43" s="408"/>
      <c r="BV43" s="178"/>
      <c r="BW43" s="407" t="str">
        <f t="shared" si="2"/>
        <v/>
      </c>
      <c r="BX43" s="407"/>
      <c r="BY43" s="408" t="str">
        <f>IF('各会計、関係団体の財政状況及び健全化判断比率'!B77="","",'各会計、関係団体の財政状況及び健全化判断比率'!B77)</f>
        <v/>
      </c>
      <c r="BZ43" s="408"/>
      <c r="CA43" s="408"/>
      <c r="CB43" s="408"/>
      <c r="CC43" s="408"/>
      <c r="CD43" s="408"/>
      <c r="CE43" s="408"/>
      <c r="CF43" s="408"/>
      <c r="CG43" s="408"/>
      <c r="CH43" s="408"/>
      <c r="CI43" s="408"/>
      <c r="CJ43" s="408"/>
      <c r="CK43" s="408"/>
      <c r="CL43" s="408"/>
      <c r="CM43" s="408"/>
      <c r="CN43" s="178"/>
      <c r="CO43" s="407" t="str">
        <f t="shared" si="3"/>
        <v/>
      </c>
      <c r="CP43" s="407"/>
      <c r="CQ43" s="408" t="str">
        <f>IF('各会計、関係団体の財政状況及び健全化判断比率'!BS16="","",'各会計、関係団体の財政状況及び健全化判断比率'!BS16)</f>
        <v/>
      </c>
      <c r="CR43" s="408"/>
      <c r="CS43" s="408"/>
      <c r="CT43" s="408"/>
      <c r="CU43" s="408"/>
      <c r="CV43" s="408"/>
      <c r="CW43" s="408"/>
      <c r="CX43" s="408"/>
      <c r="CY43" s="408"/>
      <c r="CZ43" s="408"/>
      <c r="DA43" s="408"/>
      <c r="DB43" s="408"/>
      <c r="DC43" s="408"/>
      <c r="DD43" s="408"/>
      <c r="DE43" s="408"/>
      <c r="DG43" s="405" t="str">
        <f>IF('各会計、関係団体の財政状況及び健全化判断比率'!BR16="","",'各会計、関係団体の財政状況及び健全化判断比率'!BR16)</f>
        <v/>
      </c>
      <c r="DH43" s="405"/>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2</v>
      </c>
      <c r="E46" s="404" t="s">
        <v>203</v>
      </c>
      <c r="F46" s="404"/>
      <c r="G46" s="404"/>
      <c r="H46" s="404"/>
      <c r="I46" s="404"/>
      <c r="J46" s="404"/>
      <c r="K46" s="404"/>
      <c r="L46" s="404"/>
      <c r="M46" s="404"/>
      <c r="N46" s="404"/>
      <c r="O46" s="404"/>
      <c r="P46" s="404"/>
      <c r="Q46" s="404"/>
      <c r="R46" s="404"/>
      <c r="S46" s="404"/>
      <c r="T46" s="404"/>
      <c r="U46" s="404"/>
      <c r="V46" s="404"/>
      <c r="W46" s="404"/>
      <c r="X46" s="404"/>
      <c r="Y46" s="404"/>
      <c r="Z46" s="404"/>
      <c r="AA46" s="404"/>
      <c r="AB46" s="404"/>
      <c r="AC46" s="404"/>
      <c r="AD46" s="404"/>
      <c r="AE46" s="404"/>
      <c r="AF46" s="404"/>
      <c r="AG46" s="404"/>
      <c r="AH46" s="404"/>
      <c r="AI46" s="404"/>
      <c r="AJ46" s="404"/>
      <c r="AK46" s="404"/>
      <c r="AL46" s="404"/>
      <c r="AM46" s="404"/>
      <c r="AN46" s="404"/>
      <c r="AO46" s="404"/>
      <c r="AP46" s="404"/>
      <c r="AQ46" s="404"/>
      <c r="AR46" s="404"/>
      <c r="AS46" s="404"/>
      <c r="AT46" s="404"/>
      <c r="AU46" s="404"/>
      <c r="AV46" s="404"/>
      <c r="AW46" s="404"/>
      <c r="AX46" s="404"/>
      <c r="AY46" s="404"/>
      <c r="AZ46" s="404"/>
      <c r="BA46" s="404"/>
      <c r="BB46" s="404"/>
      <c r="BC46" s="404"/>
      <c r="BD46" s="404"/>
      <c r="BE46" s="404"/>
      <c r="BF46" s="404"/>
      <c r="BG46" s="404"/>
      <c r="BH46" s="404"/>
      <c r="BI46" s="404"/>
      <c r="BJ46" s="404"/>
      <c r="BK46" s="404"/>
      <c r="BL46" s="404"/>
      <c r="BM46" s="404"/>
      <c r="BN46" s="404"/>
      <c r="BO46" s="404"/>
      <c r="BP46" s="404"/>
      <c r="BQ46" s="404"/>
      <c r="BR46" s="404"/>
      <c r="BS46" s="404"/>
      <c r="BT46" s="404"/>
      <c r="BU46" s="404"/>
      <c r="BV46" s="404"/>
      <c r="BW46" s="404"/>
      <c r="BX46" s="404"/>
      <c r="BY46" s="404"/>
      <c r="BZ46" s="404"/>
      <c r="CA46" s="404"/>
      <c r="CB46" s="404"/>
      <c r="CC46" s="404"/>
      <c r="CD46" s="404"/>
      <c r="CE46" s="404"/>
      <c r="CF46" s="404"/>
      <c r="CG46" s="404"/>
      <c r="CH46" s="404"/>
      <c r="CI46" s="404"/>
      <c r="CJ46" s="404"/>
      <c r="CK46" s="404"/>
      <c r="CL46" s="404"/>
      <c r="CM46" s="404"/>
      <c r="CN46" s="404"/>
      <c r="CO46" s="404"/>
      <c r="CP46" s="404"/>
      <c r="CQ46" s="404"/>
      <c r="CR46" s="404"/>
      <c r="CS46" s="404"/>
      <c r="CT46" s="404"/>
      <c r="CU46" s="404"/>
      <c r="CV46" s="404"/>
      <c r="CW46" s="404"/>
      <c r="CX46" s="404"/>
      <c r="CY46" s="404"/>
      <c r="CZ46" s="404"/>
      <c r="DA46" s="404"/>
      <c r="DB46" s="404"/>
      <c r="DC46" s="404"/>
      <c r="DD46" s="404"/>
      <c r="DE46" s="404"/>
      <c r="DF46" s="404"/>
      <c r="DG46" s="404"/>
      <c r="DH46" s="404"/>
      <c r="DI46" s="404"/>
    </row>
    <row r="47" spans="1:113" x14ac:dyDescent="0.2">
      <c r="E47" s="404" t="s">
        <v>204</v>
      </c>
      <c r="F47" s="404"/>
      <c r="G47" s="404"/>
      <c r="H47" s="404"/>
      <c r="I47" s="404"/>
      <c r="J47" s="404"/>
      <c r="K47" s="404"/>
      <c r="L47" s="404"/>
      <c r="M47" s="404"/>
      <c r="N47" s="404"/>
      <c r="O47" s="404"/>
      <c r="P47" s="404"/>
      <c r="Q47" s="404"/>
      <c r="R47" s="404"/>
      <c r="S47" s="404"/>
      <c r="T47" s="404"/>
      <c r="U47" s="404"/>
      <c r="V47" s="404"/>
      <c r="W47" s="404"/>
      <c r="X47" s="404"/>
      <c r="Y47" s="404"/>
      <c r="Z47" s="404"/>
      <c r="AA47" s="404"/>
      <c r="AB47" s="404"/>
      <c r="AC47" s="404"/>
      <c r="AD47" s="404"/>
      <c r="AE47" s="404"/>
      <c r="AF47" s="404"/>
      <c r="AG47" s="404"/>
      <c r="AH47" s="404"/>
      <c r="AI47" s="404"/>
      <c r="AJ47" s="404"/>
      <c r="AK47" s="404"/>
      <c r="AL47" s="404"/>
      <c r="AM47" s="404"/>
      <c r="AN47" s="404"/>
      <c r="AO47" s="404"/>
      <c r="AP47" s="404"/>
      <c r="AQ47" s="404"/>
      <c r="AR47" s="404"/>
      <c r="AS47" s="404"/>
      <c r="AT47" s="404"/>
      <c r="AU47" s="404"/>
      <c r="AV47" s="404"/>
      <c r="AW47" s="404"/>
      <c r="AX47" s="404"/>
      <c r="AY47" s="404"/>
      <c r="AZ47" s="404"/>
      <c r="BA47" s="404"/>
      <c r="BB47" s="404"/>
      <c r="BC47" s="404"/>
      <c r="BD47" s="404"/>
      <c r="BE47" s="404"/>
      <c r="BF47" s="404"/>
      <c r="BG47" s="404"/>
      <c r="BH47" s="404"/>
      <c r="BI47" s="404"/>
      <c r="BJ47" s="404"/>
      <c r="BK47" s="404"/>
      <c r="BL47" s="404"/>
      <c r="BM47" s="404"/>
      <c r="BN47" s="404"/>
      <c r="BO47" s="404"/>
      <c r="BP47" s="404"/>
      <c r="BQ47" s="404"/>
      <c r="BR47" s="404"/>
      <c r="BS47" s="404"/>
      <c r="BT47" s="404"/>
      <c r="BU47" s="404"/>
      <c r="BV47" s="404"/>
      <c r="BW47" s="404"/>
      <c r="BX47" s="404"/>
      <c r="BY47" s="404"/>
      <c r="BZ47" s="404"/>
      <c r="CA47" s="404"/>
      <c r="CB47" s="404"/>
      <c r="CC47" s="404"/>
      <c r="CD47" s="404"/>
      <c r="CE47" s="404"/>
      <c r="CF47" s="404"/>
      <c r="CG47" s="404"/>
      <c r="CH47" s="404"/>
      <c r="CI47" s="404"/>
      <c r="CJ47" s="404"/>
      <c r="CK47" s="404"/>
      <c r="CL47" s="404"/>
      <c r="CM47" s="404"/>
      <c r="CN47" s="404"/>
      <c r="CO47" s="404"/>
      <c r="CP47" s="404"/>
      <c r="CQ47" s="404"/>
      <c r="CR47" s="404"/>
      <c r="CS47" s="404"/>
      <c r="CT47" s="404"/>
      <c r="CU47" s="404"/>
      <c r="CV47" s="404"/>
      <c r="CW47" s="404"/>
      <c r="CX47" s="404"/>
      <c r="CY47" s="404"/>
      <c r="CZ47" s="404"/>
      <c r="DA47" s="404"/>
      <c r="DB47" s="404"/>
      <c r="DC47" s="404"/>
      <c r="DD47" s="404"/>
      <c r="DE47" s="404"/>
      <c r="DF47" s="404"/>
      <c r="DG47" s="404"/>
      <c r="DH47" s="404"/>
      <c r="DI47" s="404"/>
    </row>
    <row r="48" spans="1:113" x14ac:dyDescent="0.2">
      <c r="E48" s="404" t="s">
        <v>205</v>
      </c>
      <c r="F48" s="404"/>
      <c r="G48" s="404"/>
      <c r="H48" s="404"/>
      <c r="I48" s="404"/>
      <c r="J48" s="404"/>
      <c r="K48" s="404"/>
      <c r="L48" s="404"/>
      <c r="M48" s="404"/>
      <c r="N48" s="404"/>
      <c r="O48" s="404"/>
      <c r="P48" s="404"/>
      <c r="Q48" s="404"/>
      <c r="R48" s="404"/>
      <c r="S48" s="404"/>
      <c r="T48" s="404"/>
      <c r="U48" s="404"/>
      <c r="V48" s="404"/>
      <c r="W48" s="404"/>
      <c r="X48" s="404"/>
      <c r="Y48" s="404"/>
      <c r="Z48" s="404"/>
      <c r="AA48" s="404"/>
      <c r="AB48" s="404"/>
      <c r="AC48" s="404"/>
      <c r="AD48" s="404"/>
      <c r="AE48" s="404"/>
      <c r="AF48" s="404"/>
      <c r="AG48" s="404"/>
      <c r="AH48" s="404"/>
      <c r="AI48" s="404"/>
      <c r="AJ48" s="404"/>
      <c r="AK48" s="404"/>
      <c r="AL48" s="404"/>
      <c r="AM48" s="404"/>
      <c r="AN48" s="404"/>
      <c r="AO48" s="404"/>
      <c r="AP48" s="404"/>
      <c r="AQ48" s="404"/>
      <c r="AR48" s="404"/>
      <c r="AS48" s="404"/>
      <c r="AT48" s="404"/>
      <c r="AU48" s="404"/>
      <c r="AV48" s="404"/>
      <c r="AW48" s="404"/>
      <c r="AX48" s="404"/>
      <c r="AY48" s="404"/>
      <c r="AZ48" s="404"/>
      <c r="BA48" s="404"/>
      <c r="BB48" s="404"/>
      <c r="BC48" s="404"/>
      <c r="BD48" s="404"/>
      <c r="BE48" s="404"/>
      <c r="BF48" s="404"/>
      <c r="BG48" s="404"/>
      <c r="BH48" s="404"/>
      <c r="BI48" s="404"/>
      <c r="BJ48" s="404"/>
      <c r="BK48" s="404"/>
      <c r="BL48" s="404"/>
      <c r="BM48" s="404"/>
      <c r="BN48" s="404"/>
      <c r="BO48" s="404"/>
      <c r="BP48" s="404"/>
      <c r="BQ48" s="404"/>
      <c r="BR48" s="404"/>
      <c r="BS48" s="404"/>
      <c r="BT48" s="404"/>
      <c r="BU48" s="404"/>
      <c r="BV48" s="404"/>
      <c r="BW48" s="404"/>
      <c r="BX48" s="404"/>
      <c r="BY48" s="404"/>
      <c r="BZ48" s="404"/>
      <c r="CA48" s="404"/>
      <c r="CB48" s="404"/>
      <c r="CC48" s="404"/>
      <c r="CD48" s="404"/>
      <c r="CE48" s="404"/>
      <c r="CF48" s="404"/>
      <c r="CG48" s="404"/>
      <c r="CH48" s="404"/>
      <c r="CI48" s="404"/>
      <c r="CJ48" s="404"/>
      <c r="CK48" s="404"/>
      <c r="CL48" s="404"/>
      <c r="CM48" s="404"/>
      <c r="CN48" s="404"/>
      <c r="CO48" s="404"/>
      <c r="CP48" s="404"/>
      <c r="CQ48" s="404"/>
      <c r="CR48" s="404"/>
      <c r="CS48" s="404"/>
      <c r="CT48" s="404"/>
      <c r="CU48" s="404"/>
      <c r="CV48" s="404"/>
      <c r="CW48" s="404"/>
      <c r="CX48" s="404"/>
      <c r="CY48" s="404"/>
      <c r="CZ48" s="404"/>
      <c r="DA48" s="404"/>
      <c r="DB48" s="404"/>
      <c r="DC48" s="404"/>
      <c r="DD48" s="404"/>
      <c r="DE48" s="404"/>
      <c r="DF48" s="404"/>
      <c r="DG48" s="404"/>
      <c r="DH48" s="404"/>
      <c r="DI48" s="404"/>
    </row>
    <row r="49" spans="5:113" x14ac:dyDescent="0.2">
      <c r="E49" s="406" t="s">
        <v>206</v>
      </c>
      <c r="F49" s="406"/>
      <c r="G49" s="406"/>
      <c r="H49" s="406"/>
      <c r="I49" s="406"/>
      <c r="J49" s="406"/>
      <c r="K49" s="406"/>
      <c r="L49" s="406"/>
      <c r="M49" s="406"/>
      <c r="N49" s="406"/>
      <c r="O49" s="406"/>
      <c r="P49" s="406"/>
      <c r="Q49" s="406"/>
      <c r="R49" s="406"/>
      <c r="S49" s="406"/>
      <c r="T49" s="406"/>
      <c r="U49" s="406"/>
      <c r="V49" s="406"/>
      <c r="W49" s="406"/>
      <c r="X49" s="406"/>
      <c r="Y49" s="406"/>
      <c r="Z49" s="406"/>
      <c r="AA49" s="406"/>
      <c r="AB49" s="406"/>
      <c r="AC49" s="406"/>
      <c r="AD49" s="406"/>
      <c r="AE49" s="406"/>
      <c r="AF49" s="406"/>
      <c r="AG49" s="406"/>
      <c r="AH49" s="406"/>
      <c r="AI49" s="406"/>
      <c r="AJ49" s="406"/>
      <c r="AK49" s="406"/>
      <c r="AL49" s="406"/>
      <c r="AM49" s="406"/>
      <c r="AN49" s="406"/>
      <c r="AO49" s="406"/>
      <c r="AP49" s="406"/>
      <c r="AQ49" s="406"/>
      <c r="AR49" s="406"/>
      <c r="AS49" s="406"/>
      <c r="AT49" s="406"/>
      <c r="AU49" s="406"/>
      <c r="AV49" s="406"/>
      <c r="AW49" s="406"/>
      <c r="AX49" s="406"/>
      <c r="AY49" s="406"/>
      <c r="AZ49" s="406"/>
      <c r="BA49" s="406"/>
      <c r="BB49" s="406"/>
      <c r="BC49" s="406"/>
      <c r="BD49" s="406"/>
      <c r="BE49" s="406"/>
      <c r="BF49" s="406"/>
      <c r="BG49" s="406"/>
      <c r="BH49" s="406"/>
      <c r="BI49" s="406"/>
      <c r="BJ49" s="406"/>
      <c r="BK49" s="406"/>
      <c r="BL49" s="406"/>
      <c r="BM49" s="406"/>
      <c r="BN49" s="406"/>
      <c r="BO49" s="406"/>
      <c r="BP49" s="406"/>
      <c r="BQ49" s="406"/>
      <c r="BR49" s="406"/>
      <c r="BS49" s="406"/>
      <c r="BT49" s="406"/>
      <c r="BU49" s="406"/>
      <c r="BV49" s="406"/>
      <c r="BW49" s="406"/>
      <c r="BX49" s="406"/>
      <c r="BY49" s="406"/>
      <c r="BZ49" s="406"/>
      <c r="CA49" s="406"/>
      <c r="CB49" s="406"/>
      <c r="CC49" s="406"/>
      <c r="CD49" s="406"/>
      <c r="CE49" s="406"/>
      <c r="CF49" s="406"/>
      <c r="CG49" s="406"/>
      <c r="CH49" s="406"/>
      <c r="CI49" s="406"/>
      <c r="CJ49" s="406"/>
      <c r="CK49" s="406"/>
      <c r="CL49" s="406"/>
      <c r="CM49" s="406"/>
      <c r="CN49" s="406"/>
      <c r="CO49" s="406"/>
      <c r="CP49" s="406"/>
      <c r="CQ49" s="406"/>
      <c r="CR49" s="406"/>
      <c r="CS49" s="406"/>
      <c r="CT49" s="406"/>
      <c r="CU49" s="406"/>
      <c r="CV49" s="406"/>
      <c r="CW49" s="406"/>
      <c r="CX49" s="406"/>
      <c r="CY49" s="406"/>
      <c r="CZ49" s="406"/>
      <c r="DA49" s="406"/>
      <c r="DB49" s="406"/>
      <c r="DC49" s="406"/>
      <c r="DD49" s="406"/>
      <c r="DE49" s="406"/>
      <c r="DF49" s="406"/>
      <c r="DG49" s="406"/>
      <c r="DH49" s="406"/>
      <c r="DI49" s="406"/>
    </row>
    <row r="50" spans="5:113" x14ac:dyDescent="0.2">
      <c r="E50" s="404" t="s">
        <v>207</v>
      </c>
      <c r="F50" s="404"/>
      <c r="G50" s="404"/>
      <c r="H50" s="404"/>
      <c r="I50" s="404"/>
      <c r="J50" s="404"/>
      <c r="K50" s="404"/>
      <c r="L50" s="404"/>
      <c r="M50" s="404"/>
      <c r="N50" s="404"/>
      <c r="O50" s="404"/>
      <c r="P50" s="404"/>
      <c r="Q50" s="404"/>
      <c r="R50" s="404"/>
      <c r="S50" s="404"/>
      <c r="T50" s="404"/>
      <c r="U50" s="404"/>
      <c r="V50" s="404"/>
      <c r="W50" s="404"/>
      <c r="X50" s="404"/>
      <c r="Y50" s="404"/>
      <c r="Z50" s="404"/>
      <c r="AA50" s="404"/>
      <c r="AB50" s="404"/>
      <c r="AC50" s="404"/>
      <c r="AD50" s="404"/>
      <c r="AE50" s="404"/>
      <c r="AF50" s="404"/>
      <c r="AG50" s="404"/>
      <c r="AH50" s="404"/>
      <c r="AI50" s="404"/>
      <c r="AJ50" s="404"/>
      <c r="AK50" s="404"/>
      <c r="AL50" s="404"/>
      <c r="AM50" s="404"/>
      <c r="AN50" s="404"/>
      <c r="AO50" s="404"/>
      <c r="AP50" s="404"/>
      <c r="AQ50" s="404"/>
      <c r="AR50" s="404"/>
      <c r="AS50" s="404"/>
      <c r="AT50" s="404"/>
      <c r="AU50" s="404"/>
      <c r="AV50" s="404"/>
      <c r="AW50" s="404"/>
      <c r="AX50" s="404"/>
      <c r="AY50" s="404"/>
      <c r="AZ50" s="404"/>
      <c r="BA50" s="404"/>
      <c r="BB50" s="404"/>
      <c r="BC50" s="404"/>
      <c r="BD50" s="404"/>
      <c r="BE50" s="404"/>
      <c r="BF50" s="404"/>
      <c r="BG50" s="404"/>
      <c r="BH50" s="404"/>
      <c r="BI50" s="404"/>
      <c r="BJ50" s="404"/>
      <c r="BK50" s="404"/>
      <c r="BL50" s="404"/>
      <c r="BM50" s="404"/>
      <c r="BN50" s="404"/>
      <c r="BO50" s="404"/>
      <c r="BP50" s="404"/>
      <c r="BQ50" s="404"/>
      <c r="BR50" s="404"/>
      <c r="BS50" s="404"/>
      <c r="BT50" s="404"/>
      <c r="BU50" s="404"/>
      <c r="BV50" s="404"/>
      <c r="BW50" s="404"/>
      <c r="BX50" s="404"/>
      <c r="BY50" s="404"/>
      <c r="BZ50" s="404"/>
      <c r="CA50" s="404"/>
      <c r="CB50" s="404"/>
      <c r="CC50" s="404"/>
      <c r="CD50" s="404"/>
      <c r="CE50" s="404"/>
      <c r="CF50" s="404"/>
      <c r="CG50" s="404"/>
      <c r="CH50" s="404"/>
      <c r="CI50" s="404"/>
      <c r="CJ50" s="404"/>
      <c r="CK50" s="404"/>
      <c r="CL50" s="404"/>
      <c r="CM50" s="404"/>
      <c r="CN50" s="404"/>
      <c r="CO50" s="404"/>
      <c r="CP50" s="404"/>
      <c r="CQ50" s="404"/>
      <c r="CR50" s="404"/>
      <c r="CS50" s="404"/>
      <c r="CT50" s="404"/>
      <c r="CU50" s="404"/>
      <c r="CV50" s="404"/>
      <c r="CW50" s="404"/>
      <c r="CX50" s="404"/>
      <c r="CY50" s="404"/>
      <c r="CZ50" s="404"/>
      <c r="DA50" s="404"/>
      <c r="DB50" s="404"/>
      <c r="DC50" s="404"/>
      <c r="DD50" s="404"/>
      <c r="DE50" s="404"/>
      <c r="DF50" s="404"/>
      <c r="DG50" s="404"/>
      <c r="DH50" s="404"/>
      <c r="DI50" s="404"/>
    </row>
    <row r="51" spans="5:113" x14ac:dyDescent="0.2">
      <c r="E51" s="404" t="s">
        <v>208</v>
      </c>
      <c r="F51" s="404"/>
      <c r="G51" s="404"/>
      <c r="H51" s="404"/>
      <c r="I51" s="404"/>
      <c r="J51" s="404"/>
      <c r="K51" s="404"/>
      <c r="L51" s="404"/>
      <c r="M51" s="404"/>
      <c r="N51" s="404"/>
      <c r="O51" s="404"/>
      <c r="P51" s="404"/>
      <c r="Q51" s="404"/>
      <c r="R51" s="404"/>
      <c r="S51" s="404"/>
      <c r="T51" s="404"/>
      <c r="U51" s="404"/>
      <c r="V51" s="404"/>
      <c r="W51" s="404"/>
      <c r="X51" s="404"/>
      <c r="Y51" s="404"/>
      <c r="Z51" s="404"/>
      <c r="AA51" s="404"/>
      <c r="AB51" s="404"/>
      <c r="AC51" s="404"/>
      <c r="AD51" s="404"/>
      <c r="AE51" s="404"/>
      <c r="AF51" s="404"/>
      <c r="AG51" s="404"/>
      <c r="AH51" s="404"/>
      <c r="AI51" s="404"/>
      <c r="AJ51" s="404"/>
      <c r="AK51" s="404"/>
      <c r="AL51" s="404"/>
      <c r="AM51" s="404"/>
      <c r="AN51" s="404"/>
      <c r="AO51" s="404"/>
      <c r="AP51" s="404"/>
      <c r="AQ51" s="404"/>
      <c r="AR51" s="404"/>
      <c r="AS51" s="404"/>
      <c r="AT51" s="404"/>
      <c r="AU51" s="404"/>
      <c r="AV51" s="404"/>
      <c r="AW51" s="404"/>
      <c r="AX51" s="404"/>
      <c r="AY51" s="404"/>
      <c r="AZ51" s="404"/>
      <c r="BA51" s="404"/>
      <c r="BB51" s="404"/>
      <c r="BC51" s="404"/>
      <c r="BD51" s="404"/>
      <c r="BE51" s="404"/>
      <c r="BF51" s="404"/>
      <c r="BG51" s="404"/>
      <c r="BH51" s="404"/>
      <c r="BI51" s="404"/>
      <c r="BJ51" s="404"/>
      <c r="BK51" s="404"/>
      <c r="BL51" s="404"/>
      <c r="BM51" s="404"/>
      <c r="BN51" s="404"/>
      <c r="BO51" s="404"/>
      <c r="BP51" s="404"/>
      <c r="BQ51" s="404"/>
      <c r="BR51" s="404"/>
      <c r="BS51" s="404"/>
      <c r="BT51" s="404"/>
      <c r="BU51" s="404"/>
      <c r="BV51" s="404"/>
      <c r="BW51" s="404"/>
      <c r="BX51" s="404"/>
      <c r="BY51" s="404"/>
      <c r="BZ51" s="404"/>
      <c r="CA51" s="404"/>
      <c r="CB51" s="404"/>
      <c r="CC51" s="404"/>
      <c r="CD51" s="404"/>
      <c r="CE51" s="404"/>
      <c r="CF51" s="404"/>
      <c r="CG51" s="404"/>
      <c r="CH51" s="404"/>
      <c r="CI51" s="404"/>
      <c r="CJ51" s="404"/>
      <c r="CK51" s="404"/>
      <c r="CL51" s="404"/>
      <c r="CM51" s="404"/>
      <c r="CN51" s="404"/>
      <c r="CO51" s="404"/>
      <c r="CP51" s="404"/>
      <c r="CQ51" s="404"/>
      <c r="CR51" s="404"/>
      <c r="CS51" s="404"/>
      <c r="CT51" s="404"/>
      <c r="CU51" s="404"/>
      <c r="CV51" s="404"/>
      <c r="CW51" s="404"/>
      <c r="CX51" s="404"/>
      <c r="CY51" s="404"/>
      <c r="CZ51" s="404"/>
      <c r="DA51" s="404"/>
      <c r="DB51" s="404"/>
      <c r="DC51" s="404"/>
      <c r="DD51" s="404"/>
      <c r="DE51" s="404"/>
      <c r="DF51" s="404"/>
      <c r="DG51" s="404"/>
      <c r="DH51" s="404"/>
      <c r="DI51" s="404"/>
    </row>
    <row r="52" spans="5:113" x14ac:dyDescent="0.2">
      <c r="E52" s="404" t="s">
        <v>209</v>
      </c>
      <c r="F52" s="404"/>
      <c r="G52" s="404"/>
      <c r="H52" s="404"/>
      <c r="I52" s="404"/>
      <c r="J52" s="404"/>
      <c r="K52" s="404"/>
      <c r="L52" s="404"/>
      <c r="M52" s="404"/>
      <c r="N52" s="404"/>
      <c r="O52" s="404"/>
      <c r="P52" s="404"/>
      <c r="Q52" s="404"/>
      <c r="R52" s="404"/>
      <c r="S52" s="404"/>
      <c r="T52" s="404"/>
      <c r="U52" s="404"/>
      <c r="V52" s="404"/>
      <c r="W52" s="404"/>
      <c r="X52" s="404"/>
      <c r="Y52" s="404"/>
      <c r="Z52" s="404"/>
      <c r="AA52" s="404"/>
      <c r="AB52" s="404"/>
      <c r="AC52" s="404"/>
      <c r="AD52" s="404"/>
      <c r="AE52" s="404"/>
      <c r="AF52" s="404"/>
      <c r="AG52" s="404"/>
      <c r="AH52" s="404"/>
      <c r="AI52" s="404"/>
      <c r="AJ52" s="404"/>
      <c r="AK52" s="404"/>
      <c r="AL52" s="404"/>
      <c r="AM52" s="404"/>
      <c r="AN52" s="404"/>
      <c r="AO52" s="404"/>
      <c r="AP52" s="404"/>
      <c r="AQ52" s="404"/>
      <c r="AR52" s="404"/>
      <c r="AS52" s="404"/>
      <c r="AT52" s="404"/>
      <c r="AU52" s="404"/>
      <c r="AV52" s="404"/>
      <c r="AW52" s="404"/>
      <c r="AX52" s="404"/>
      <c r="AY52" s="404"/>
      <c r="AZ52" s="404"/>
      <c r="BA52" s="404"/>
      <c r="BB52" s="404"/>
      <c r="BC52" s="404"/>
      <c r="BD52" s="404"/>
      <c r="BE52" s="404"/>
      <c r="BF52" s="404"/>
      <c r="BG52" s="404"/>
      <c r="BH52" s="404"/>
      <c r="BI52" s="404"/>
      <c r="BJ52" s="404"/>
      <c r="BK52" s="404"/>
      <c r="BL52" s="404"/>
      <c r="BM52" s="404"/>
      <c r="BN52" s="404"/>
      <c r="BO52" s="404"/>
      <c r="BP52" s="404"/>
      <c r="BQ52" s="404"/>
      <c r="BR52" s="404"/>
      <c r="BS52" s="404"/>
      <c r="BT52" s="404"/>
      <c r="BU52" s="404"/>
      <c r="BV52" s="404"/>
      <c r="BW52" s="404"/>
      <c r="BX52" s="404"/>
      <c r="BY52" s="404"/>
      <c r="BZ52" s="404"/>
      <c r="CA52" s="404"/>
      <c r="CB52" s="404"/>
      <c r="CC52" s="404"/>
      <c r="CD52" s="404"/>
      <c r="CE52" s="404"/>
      <c r="CF52" s="404"/>
      <c r="CG52" s="404"/>
      <c r="CH52" s="404"/>
      <c r="CI52" s="404"/>
      <c r="CJ52" s="404"/>
      <c r="CK52" s="404"/>
      <c r="CL52" s="404"/>
      <c r="CM52" s="404"/>
      <c r="CN52" s="404"/>
      <c r="CO52" s="404"/>
      <c r="CP52" s="404"/>
      <c r="CQ52" s="404"/>
      <c r="CR52" s="404"/>
      <c r="CS52" s="404"/>
      <c r="CT52" s="404"/>
      <c r="CU52" s="404"/>
      <c r="CV52" s="404"/>
      <c r="CW52" s="404"/>
      <c r="CX52" s="404"/>
      <c r="CY52" s="404"/>
      <c r="CZ52" s="404"/>
      <c r="DA52" s="404"/>
      <c r="DB52" s="404"/>
      <c r="DC52" s="404"/>
      <c r="DD52" s="404"/>
      <c r="DE52" s="404"/>
      <c r="DF52" s="404"/>
      <c r="DG52" s="404"/>
      <c r="DH52" s="404"/>
      <c r="DI52" s="404"/>
    </row>
    <row r="53" spans="5:113" x14ac:dyDescent="0.2">
      <c r="E53" s="367" t="s">
        <v>599</v>
      </c>
    </row>
    <row r="54" spans="5:113" x14ac:dyDescent="0.2"/>
    <row r="55" spans="5:113" x14ac:dyDescent="0.2"/>
    <row r="56" spans="5:113" x14ac:dyDescent="0.2"/>
  </sheetData>
  <sheetProtection algorithmName="SHA-512" hashValue="xuzf26uTqJRN5O8lEY85+wbHqEkQBN0iA9lQRaxLOSVERujH9IGN15PtQGhr7vAvYLhGjbVsMefbOD1OJHMikA==" saltValue="3gwtYgsCyFu9a7Ex55d9yA=="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1</v>
      </c>
      <c r="G33" s="29" t="s">
        <v>562</v>
      </c>
      <c r="H33" s="29" t="s">
        <v>563</v>
      </c>
      <c r="I33" s="29" t="s">
        <v>564</v>
      </c>
      <c r="J33" s="30" t="s">
        <v>565</v>
      </c>
      <c r="K33" s="22"/>
      <c r="L33" s="22"/>
      <c r="M33" s="22"/>
      <c r="N33" s="22"/>
      <c r="O33" s="22"/>
      <c r="P33" s="22"/>
    </row>
    <row r="34" spans="1:16" ht="39" customHeight="1" x14ac:dyDescent="0.2">
      <c r="A34" s="22"/>
      <c r="B34" s="31"/>
      <c r="C34" s="1216" t="s">
        <v>569</v>
      </c>
      <c r="D34" s="1216"/>
      <c r="E34" s="1217"/>
      <c r="F34" s="32">
        <v>13.03</v>
      </c>
      <c r="G34" s="33">
        <v>9.9700000000000006</v>
      </c>
      <c r="H34" s="33">
        <v>8.0399999999999991</v>
      </c>
      <c r="I34" s="33">
        <v>6.61</v>
      </c>
      <c r="J34" s="34">
        <v>13.36</v>
      </c>
      <c r="K34" s="22"/>
      <c r="L34" s="22"/>
      <c r="M34" s="22"/>
      <c r="N34" s="22"/>
      <c r="O34" s="22"/>
      <c r="P34" s="22"/>
    </row>
    <row r="35" spans="1:16" ht="39" customHeight="1" x14ac:dyDescent="0.2">
      <c r="A35" s="22"/>
      <c r="B35" s="35"/>
      <c r="C35" s="1210" t="s">
        <v>570</v>
      </c>
      <c r="D35" s="1211"/>
      <c r="E35" s="1212"/>
      <c r="F35" s="36">
        <v>6.44</v>
      </c>
      <c r="G35" s="37">
        <v>3.66</v>
      </c>
      <c r="H35" s="37">
        <v>2.2000000000000002</v>
      </c>
      <c r="I35" s="37">
        <v>2.96</v>
      </c>
      <c r="J35" s="38">
        <v>2.38</v>
      </c>
      <c r="K35" s="22"/>
      <c r="L35" s="22"/>
      <c r="M35" s="22"/>
      <c r="N35" s="22"/>
      <c r="O35" s="22"/>
      <c r="P35" s="22"/>
    </row>
    <row r="36" spans="1:16" ht="39" customHeight="1" x14ac:dyDescent="0.2">
      <c r="A36" s="22"/>
      <c r="B36" s="35"/>
      <c r="C36" s="1210" t="s">
        <v>571</v>
      </c>
      <c r="D36" s="1211"/>
      <c r="E36" s="1212"/>
      <c r="F36" s="36">
        <v>1.41</v>
      </c>
      <c r="G36" s="37">
        <v>3.08</v>
      </c>
      <c r="H36" s="37">
        <v>1.94</v>
      </c>
      <c r="I36" s="37">
        <v>2.56</v>
      </c>
      <c r="J36" s="38">
        <v>1.96</v>
      </c>
      <c r="K36" s="22"/>
      <c r="L36" s="22"/>
      <c r="M36" s="22"/>
      <c r="N36" s="22"/>
      <c r="O36" s="22"/>
      <c r="P36" s="22"/>
    </row>
    <row r="37" spans="1:16" ht="39" customHeight="1" x14ac:dyDescent="0.2">
      <c r="A37" s="22"/>
      <c r="B37" s="35"/>
      <c r="C37" s="1210" t="s">
        <v>572</v>
      </c>
      <c r="D37" s="1211"/>
      <c r="E37" s="1212"/>
      <c r="F37" s="36">
        <v>1.1200000000000001</v>
      </c>
      <c r="G37" s="37">
        <v>1.18</v>
      </c>
      <c r="H37" s="37">
        <v>0.85</v>
      </c>
      <c r="I37" s="37">
        <v>0.66</v>
      </c>
      <c r="J37" s="38">
        <v>1.31</v>
      </c>
      <c r="K37" s="22"/>
      <c r="L37" s="22"/>
      <c r="M37" s="22"/>
      <c r="N37" s="22"/>
      <c r="O37" s="22"/>
      <c r="P37" s="22"/>
    </row>
    <row r="38" spans="1:16" ht="39" customHeight="1" x14ac:dyDescent="0.2">
      <c r="A38" s="22"/>
      <c r="B38" s="35"/>
      <c r="C38" s="1210" t="s">
        <v>573</v>
      </c>
      <c r="D38" s="1211"/>
      <c r="E38" s="1212"/>
      <c r="F38" s="36">
        <v>0.23</v>
      </c>
      <c r="G38" s="37">
        <v>0.26</v>
      </c>
      <c r="H38" s="37">
        <v>0.02</v>
      </c>
      <c r="I38" s="37">
        <v>0.12</v>
      </c>
      <c r="J38" s="38">
        <v>0.22</v>
      </c>
      <c r="K38" s="22"/>
      <c r="L38" s="22"/>
      <c r="M38" s="22"/>
      <c r="N38" s="22"/>
      <c r="O38" s="22"/>
      <c r="P38" s="22"/>
    </row>
    <row r="39" spans="1:16" ht="39" customHeight="1" x14ac:dyDescent="0.2">
      <c r="A39" s="22"/>
      <c r="B39" s="35"/>
      <c r="C39" s="1210" t="s">
        <v>574</v>
      </c>
      <c r="D39" s="1211"/>
      <c r="E39" s="1212"/>
      <c r="F39" s="36">
        <v>0.03</v>
      </c>
      <c r="G39" s="37">
        <v>0.05</v>
      </c>
      <c r="H39" s="37">
        <v>0.28999999999999998</v>
      </c>
      <c r="I39" s="37">
        <v>7.0000000000000007E-2</v>
      </c>
      <c r="J39" s="38">
        <v>0.13</v>
      </c>
      <c r="K39" s="22"/>
      <c r="L39" s="22"/>
      <c r="M39" s="22"/>
      <c r="N39" s="22"/>
      <c r="O39" s="22"/>
      <c r="P39" s="22"/>
    </row>
    <row r="40" spans="1:16" ht="39" customHeight="1" x14ac:dyDescent="0.2">
      <c r="A40" s="22"/>
      <c r="B40" s="35"/>
      <c r="C40" s="1210" t="s">
        <v>575</v>
      </c>
      <c r="D40" s="1211"/>
      <c r="E40" s="1212"/>
      <c r="F40" s="36">
        <v>0.1</v>
      </c>
      <c r="G40" s="37">
        <v>0.08</v>
      </c>
      <c r="H40" s="37">
        <v>0.16</v>
      </c>
      <c r="I40" s="37">
        <v>0.12</v>
      </c>
      <c r="J40" s="38">
        <v>0.09</v>
      </c>
      <c r="K40" s="22"/>
      <c r="L40" s="22"/>
      <c r="M40" s="22"/>
      <c r="N40" s="22"/>
      <c r="O40" s="22"/>
      <c r="P40" s="22"/>
    </row>
    <row r="41" spans="1:16" ht="39" customHeight="1" x14ac:dyDescent="0.2">
      <c r="A41" s="22"/>
      <c r="B41" s="35"/>
      <c r="C41" s="1210" t="s">
        <v>576</v>
      </c>
      <c r="D41" s="1211"/>
      <c r="E41" s="1212"/>
      <c r="F41" s="36">
        <v>0.11</v>
      </c>
      <c r="G41" s="37">
        <v>0.06</v>
      </c>
      <c r="H41" s="37">
        <v>0.05</v>
      </c>
      <c r="I41" s="37">
        <v>0.02</v>
      </c>
      <c r="J41" s="38">
        <v>7.0000000000000007E-2</v>
      </c>
      <c r="K41" s="22"/>
      <c r="L41" s="22"/>
      <c r="M41" s="22"/>
      <c r="N41" s="22"/>
      <c r="O41" s="22"/>
      <c r="P41" s="22"/>
    </row>
    <row r="42" spans="1:16" ht="39" customHeight="1" x14ac:dyDescent="0.2">
      <c r="A42" s="22"/>
      <c r="B42" s="39"/>
      <c r="C42" s="1210" t="s">
        <v>577</v>
      </c>
      <c r="D42" s="1211"/>
      <c r="E42" s="1212"/>
      <c r="F42" s="36" t="s">
        <v>519</v>
      </c>
      <c r="G42" s="37" t="s">
        <v>519</v>
      </c>
      <c r="H42" s="37" t="s">
        <v>519</v>
      </c>
      <c r="I42" s="37" t="s">
        <v>519</v>
      </c>
      <c r="J42" s="38" t="s">
        <v>519</v>
      </c>
      <c r="K42" s="22"/>
      <c r="L42" s="22"/>
      <c r="M42" s="22"/>
      <c r="N42" s="22"/>
      <c r="O42" s="22"/>
      <c r="P42" s="22"/>
    </row>
    <row r="43" spans="1:16" ht="39" customHeight="1" thickBot="1" x14ac:dyDescent="0.25">
      <c r="A43" s="22"/>
      <c r="B43" s="40"/>
      <c r="C43" s="1213" t="s">
        <v>578</v>
      </c>
      <c r="D43" s="1214"/>
      <c r="E43" s="1215"/>
      <c r="F43" s="41">
        <v>0.02</v>
      </c>
      <c r="G43" s="42">
        <v>0.06</v>
      </c>
      <c r="H43" s="42">
        <v>0.09</v>
      </c>
      <c r="I43" s="42">
        <v>0.05</v>
      </c>
      <c r="J43" s="43">
        <v>0.0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FMAux1lFTrpripKrBgLfAgw7E980Q1ufgpGuUTJ9th6fXuAPvZFqoV0n7cfoZ/T2Pmp5ZE0GL+DInp9Ex5/AeQ==" saltValue="ACEpxPC+km1EFPkI84var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1</v>
      </c>
      <c r="L44" s="56" t="s">
        <v>562</v>
      </c>
      <c r="M44" s="56" t="s">
        <v>563</v>
      </c>
      <c r="N44" s="56" t="s">
        <v>564</v>
      </c>
      <c r="O44" s="57" t="s">
        <v>565</v>
      </c>
      <c r="P44" s="48"/>
      <c r="Q44" s="48"/>
      <c r="R44" s="48"/>
      <c r="S44" s="48"/>
      <c r="T44" s="48"/>
      <c r="U44" s="48"/>
    </row>
    <row r="45" spans="1:21" ht="30.75" customHeight="1" x14ac:dyDescent="0.2">
      <c r="A45" s="48"/>
      <c r="B45" s="1236" t="s">
        <v>11</v>
      </c>
      <c r="C45" s="1237"/>
      <c r="D45" s="58"/>
      <c r="E45" s="1242" t="s">
        <v>12</v>
      </c>
      <c r="F45" s="1242"/>
      <c r="G45" s="1242"/>
      <c r="H45" s="1242"/>
      <c r="I45" s="1242"/>
      <c r="J45" s="1243"/>
      <c r="K45" s="59">
        <v>276</v>
      </c>
      <c r="L45" s="60">
        <v>303</v>
      </c>
      <c r="M45" s="60">
        <v>326</v>
      </c>
      <c r="N45" s="60">
        <v>361</v>
      </c>
      <c r="O45" s="61">
        <v>385</v>
      </c>
      <c r="P45" s="48"/>
      <c r="Q45" s="48"/>
      <c r="R45" s="48"/>
      <c r="S45" s="48"/>
      <c r="T45" s="48"/>
      <c r="U45" s="48"/>
    </row>
    <row r="46" spans="1:21" ht="30.75" customHeight="1" x14ac:dyDescent="0.2">
      <c r="A46" s="48"/>
      <c r="B46" s="1238"/>
      <c r="C46" s="1239"/>
      <c r="D46" s="62"/>
      <c r="E46" s="1220" t="s">
        <v>13</v>
      </c>
      <c r="F46" s="1220"/>
      <c r="G46" s="1220"/>
      <c r="H46" s="1220"/>
      <c r="I46" s="1220"/>
      <c r="J46" s="1221"/>
      <c r="K46" s="63" t="s">
        <v>519</v>
      </c>
      <c r="L46" s="64" t="s">
        <v>519</v>
      </c>
      <c r="M46" s="64" t="s">
        <v>519</v>
      </c>
      <c r="N46" s="64" t="s">
        <v>519</v>
      </c>
      <c r="O46" s="65" t="s">
        <v>519</v>
      </c>
      <c r="P46" s="48"/>
      <c r="Q46" s="48"/>
      <c r="R46" s="48"/>
      <c r="S46" s="48"/>
      <c r="T46" s="48"/>
      <c r="U46" s="48"/>
    </row>
    <row r="47" spans="1:21" ht="30.75" customHeight="1" x14ac:dyDescent="0.2">
      <c r="A47" s="48"/>
      <c r="B47" s="1238"/>
      <c r="C47" s="1239"/>
      <c r="D47" s="62"/>
      <c r="E47" s="1220" t="s">
        <v>14</v>
      </c>
      <c r="F47" s="1220"/>
      <c r="G47" s="1220"/>
      <c r="H47" s="1220"/>
      <c r="I47" s="1220"/>
      <c r="J47" s="1221"/>
      <c r="K47" s="63" t="s">
        <v>519</v>
      </c>
      <c r="L47" s="64" t="s">
        <v>519</v>
      </c>
      <c r="M47" s="64" t="s">
        <v>519</v>
      </c>
      <c r="N47" s="64" t="s">
        <v>519</v>
      </c>
      <c r="O47" s="65" t="s">
        <v>519</v>
      </c>
      <c r="P47" s="48"/>
      <c r="Q47" s="48"/>
      <c r="R47" s="48"/>
      <c r="S47" s="48"/>
      <c r="T47" s="48"/>
      <c r="U47" s="48"/>
    </row>
    <row r="48" spans="1:21" ht="30.75" customHeight="1" x14ac:dyDescent="0.2">
      <c r="A48" s="48"/>
      <c r="B48" s="1238"/>
      <c r="C48" s="1239"/>
      <c r="D48" s="62"/>
      <c r="E48" s="1220" t="s">
        <v>15</v>
      </c>
      <c r="F48" s="1220"/>
      <c r="G48" s="1220"/>
      <c r="H48" s="1220"/>
      <c r="I48" s="1220"/>
      <c r="J48" s="1221"/>
      <c r="K48" s="63">
        <v>85</v>
      </c>
      <c r="L48" s="64">
        <v>90</v>
      </c>
      <c r="M48" s="64">
        <v>91</v>
      </c>
      <c r="N48" s="64">
        <v>95</v>
      </c>
      <c r="O48" s="65">
        <v>98</v>
      </c>
      <c r="P48" s="48"/>
      <c r="Q48" s="48"/>
      <c r="R48" s="48"/>
      <c r="S48" s="48"/>
      <c r="T48" s="48"/>
      <c r="U48" s="48"/>
    </row>
    <row r="49" spans="1:21" ht="30.75" customHeight="1" x14ac:dyDescent="0.2">
      <c r="A49" s="48"/>
      <c r="B49" s="1238"/>
      <c r="C49" s="1239"/>
      <c r="D49" s="62"/>
      <c r="E49" s="1220" t="s">
        <v>16</v>
      </c>
      <c r="F49" s="1220"/>
      <c r="G49" s="1220"/>
      <c r="H49" s="1220"/>
      <c r="I49" s="1220"/>
      <c r="J49" s="1221"/>
      <c r="K49" s="63">
        <v>72</v>
      </c>
      <c r="L49" s="64">
        <v>77</v>
      </c>
      <c r="M49" s="64">
        <v>83</v>
      </c>
      <c r="N49" s="64">
        <v>105</v>
      </c>
      <c r="O49" s="65">
        <v>105</v>
      </c>
      <c r="P49" s="48"/>
      <c r="Q49" s="48"/>
      <c r="R49" s="48"/>
      <c r="S49" s="48"/>
      <c r="T49" s="48"/>
      <c r="U49" s="48"/>
    </row>
    <row r="50" spans="1:21" ht="30.75" customHeight="1" x14ac:dyDescent="0.2">
      <c r="A50" s="48"/>
      <c r="B50" s="1238"/>
      <c r="C50" s="1239"/>
      <c r="D50" s="62"/>
      <c r="E50" s="1220" t="s">
        <v>17</v>
      </c>
      <c r="F50" s="1220"/>
      <c r="G50" s="1220"/>
      <c r="H50" s="1220"/>
      <c r="I50" s="1220"/>
      <c r="J50" s="1221"/>
      <c r="K50" s="63" t="s">
        <v>519</v>
      </c>
      <c r="L50" s="64" t="s">
        <v>519</v>
      </c>
      <c r="M50" s="64" t="s">
        <v>519</v>
      </c>
      <c r="N50" s="64" t="s">
        <v>519</v>
      </c>
      <c r="O50" s="65" t="s">
        <v>519</v>
      </c>
      <c r="P50" s="48"/>
      <c r="Q50" s="48"/>
      <c r="R50" s="48"/>
      <c r="S50" s="48"/>
      <c r="T50" s="48"/>
      <c r="U50" s="48"/>
    </row>
    <row r="51" spans="1:21" ht="30.75" customHeight="1" x14ac:dyDescent="0.2">
      <c r="A51" s="48"/>
      <c r="B51" s="1240"/>
      <c r="C51" s="1241"/>
      <c r="D51" s="66"/>
      <c r="E51" s="1220" t="s">
        <v>18</v>
      </c>
      <c r="F51" s="1220"/>
      <c r="G51" s="1220"/>
      <c r="H51" s="1220"/>
      <c r="I51" s="1220"/>
      <c r="J51" s="1221"/>
      <c r="K51" s="63" t="s">
        <v>519</v>
      </c>
      <c r="L51" s="64" t="s">
        <v>519</v>
      </c>
      <c r="M51" s="64">
        <v>0</v>
      </c>
      <c r="N51" s="64">
        <v>0</v>
      </c>
      <c r="O51" s="65" t="s">
        <v>519</v>
      </c>
      <c r="P51" s="48"/>
      <c r="Q51" s="48"/>
      <c r="R51" s="48"/>
      <c r="S51" s="48"/>
      <c r="T51" s="48"/>
      <c r="U51" s="48"/>
    </row>
    <row r="52" spans="1:21" ht="30.75" customHeight="1" x14ac:dyDescent="0.2">
      <c r="A52" s="48"/>
      <c r="B52" s="1218" t="s">
        <v>19</v>
      </c>
      <c r="C52" s="1219"/>
      <c r="D52" s="66"/>
      <c r="E52" s="1220" t="s">
        <v>20</v>
      </c>
      <c r="F52" s="1220"/>
      <c r="G52" s="1220"/>
      <c r="H52" s="1220"/>
      <c r="I52" s="1220"/>
      <c r="J52" s="1221"/>
      <c r="K52" s="63">
        <v>242</v>
      </c>
      <c r="L52" s="64">
        <v>253</v>
      </c>
      <c r="M52" s="64">
        <v>284</v>
      </c>
      <c r="N52" s="64">
        <v>311</v>
      </c>
      <c r="O52" s="65">
        <v>324</v>
      </c>
      <c r="P52" s="48"/>
      <c r="Q52" s="48"/>
      <c r="R52" s="48"/>
      <c r="S52" s="48"/>
      <c r="T52" s="48"/>
      <c r="U52" s="48"/>
    </row>
    <row r="53" spans="1:21" ht="30.75" customHeight="1" thickBot="1" x14ac:dyDescent="0.25">
      <c r="A53" s="48"/>
      <c r="B53" s="1222" t="s">
        <v>21</v>
      </c>
      <c r="C53" s="1223"/>
      <c r="D53" s="67"/>
      <c r="E53" s="1224" t="s">
        <v>22</v>
      </c>
      <c r="F53" s="1224"/>
      <c r="G53" s="1224"/>
      <c r="H53" s="1224"/>
      <c r="I53" s="1224"/>
      <c r="J53" s="1225"/>
      <c r="K53" s="68">
        <v>191</v>
      </c>
      <c r="L53" s="69">
        <v>217</v>
      </c>
      <c r="M53" s="69">
        <v>216</v>
      </c>
      <c r="N53" s="69">
        <v>250</v>
      </c>
      <c r="O53" s="70">
        <v>264</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9</v>
      </c>
      <c r="P55" s="48"/>
      <c r="Q55" s="48"/>
      <c r="R55" s="48"/>
      <c r="S55" s="48"/>
      <c r="T55" s="48"/>
      <c r="U55" s="48"/>
    </row>
    <row r="56" spans="1:21" ht="31.5" customHeight="1" thickBot="1" x14ac:dyDescent="0.25">
      <c r="A56" s="48"/>
      <c r="B56" s="76"/>
      <c r="C56" s="77"/>
      <c r="D56" s="77"/>
      <c r="E56" s="78"/>
      <c r="F56" s="78"/>
      <c r="G56" s="78"/>
      <c r="H56" s="78"/>
      <c r="I56" s="78"/>
      <c r="J56" s="79" t="s">
        <v>2</v>
      </c>
      <c r="K56" s="80" t="s">
        <v>580</v>
      </c>
      <c r="L56" s="81" t="s">
        <v>581</v>
      </c>
      <c r="M56" s="81" t="s">
        <v>582</v>
      </c>
      <c r="N56" s="81" t="s">
        <v>583</v>
      </c>
      <c r="O56" s="82" t="s">
        <v>584</v>
      </c>
      <c r="P56" s="48"/>
      <c r="Q56" s="48"/>
      <c r="R56" s="48"/>
      <c r="S56" s="48"/>
      <c r="T56" s="48"/>
      <c r="U56" s="48"/>
    </row>
    <row r="57" spans="1:21" ht="31.5" customHeight="1" x14ac:dyDescent="0.2">
      <c r="B57" s="1226" t="s">
        <v>25</v>
      </c>
      <c r="C57" s="1227"/>
      <c r="D57" s="1230" t="s">
        <v>26</v>
      </c>
      <c r="E57" s="1231"/>
      <c r="F57" s="1231"/>
      <c r="G57" s="1231"/>
      <c r="H57" s="1231"/>
      <c r="I57" s="1231"/>
      <c r="J57" s="1232"/>
      <c r="K57" s="83"/>
      <c r="L57" s="84"/>
      <c r="M57" s="84"/>
      <c r="N57" s="84"/>
      <c r="O57" s="85"/>
    </row>
    <row r="58" spans="1:21" ht="31.5" customHeight="1" thickBot="1" x14ac:dyDescent="0.25">
      <c r="B58" s="1228"/>
      <c r="C58" s="1229"/>
      <c r="D58" s="1233" t="s">
        <v>27</v>
      </c>
      <c r="E58" s="1234"/>
      <c r="F58" s="1234"/>
      <c r="G58" s="1234"/>
      <c r="H58" s="1234"/>
      <c r="I58" s="1234"/>
      <c r="J58" s="1235"/>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dwzzbBM/2WYf8OzbBP5W5k/62hxwZSGnWMsny/nJUkgGjBJOeh0wgQoNMEL+z7L3lP7ADApvP0Y6o807fcXoPg==" saltValue="NuVkSIW/83qHriRBuU9s1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1</v>
      </c>
      <c r="J40" s="100" t="s">
        <v>562</v>
      </c>
      <c r="K40" s="100" t="s">
        <v>563</v>
      </c>
      <c r="L40" s="100" t="s">
        <v>564</v>
      </c>
      <c r="M40" s="101" t="s">
        <v>565</v>
      </c>
    </row>
    <row r="41" spans="2:13" ht="27.75" customHeight="1" x14ac:dyDescent="0.2">
      <c r="B41" s="1256" t="s">
        <v>30</v>
      </c>
      <c r="C41" s="1257"/>
      <c r="D41" s="102"/>
      <c r="E41" s="1258" t="s">
        <v>31</v>
      </c>
      <c r="F41" s="1258"/>
      <c r="G41" s="1258"/>
      <c r="H41" s="1259"/>
      <c r="I41" s="351">
        <v>3075</v>
      </c>
      <c r="J41" s="352">
        <v>3235</v>
      </c>
      <c r="K41" s="352">
        <v>3481</v>
      </c>
      <c r="L41" s="352">
        <v>3500</v>
      </c>
      <c r="M41" s="353">
        <v>3464</v>
      </c>
    </row>
    <row r="42" spans="2:13" ht="27.75" customHeight="1" x14ac:dyDescent="0.2">
      <c r="B42" s="1246"/>
      <c r="C42" s="1247"/>
      <c r="D42" s="103"/>
      <c r="E42" s="1250" t="s">
        <v>32</v>
      </c>
      <c r="F42" s="1250"/>
      <c r="G42" s="1250"/>
      <c r="H42" s="1251"/>
      <c r="I42" s="354" t="s">
        <v>519</v>
      </c>
      <c r="J42" s="355" t="s">
        <v>519</v>
      </c>
      <c r="K42" s="355" t="s">
        <v>519</v>
      </c>
      <c r="L42" s="355" t="s">
        <v>519</v>
      </c>
      <c r="M42" s="356" t="s">
        <v>519</v>
      </c>
    </row>
    <row r="43" spans="2:13" ht="27.75" customHeight="1" x14ac:dyDescent="0.2">
      <c r="B43" s="1246"/>
      <c r="C43" s="1247"/>
      <c r="D43" s="103"/>
      <c r="E43" s="1250" t="s">
        <v>33</v>
      </c>
      <c r="F43" s="1250"/>
      <c r="G43" s="1250"/>
      <c r="H43" s="1251"/>
      <c r="I43" s="354">
        <v>1728</v>
      </c>
      <c r="J43" s="355">
        <v>1730</v>
      </c>
      <c r="K43" s="355">
        <v>1743</v>
      </c>
      <c r="L43" s="355">
        <v>1654</v>
      </c>
      <c r="M43" s="356">
        <v>1648</v>
      </c>
    </row>
    <row r="44" spans="2:13" ht="27.75" customHeight="1" x14ac:dyDescent="0.2">
      <c r="B44" s="1246"/>
      <c r="C44" s="1247"/>
      <c r="D44" s="103"/>
      <c r="E44" s="1250" t="s">
        <v>34</v>
      </c>
      <c r="F44" s="1250"/>
      <c r="G44" s="1250"/>
      <c r="H44" s="1251"/>
      <c r="I44" s="354">
        <v>1138</v>
      </c>
      <c r="J44" s="355">
        <v>1067</v>
      </c>
      <c r="K44" s="355">
        <v>990</v>
      </c>
      <c r="L44" s="355">
        <v>890</v>
      </c>
      <c r="M44" s="356">
        <v>790</v>
      </c>
    </row>
    <row r="45" spans="2:13" ht="27.75" customHeight="1" x14ac:dyDescent="0.2">
      <c r="B45" s="1246"/>
      <c r="C45" s="1247"/>
      <c r="D45" s="103"/>
      <c r="E45" s="1250" t="s">
        <v>35</v>
      </c>
      <c r="F45" s="1250"/>
      <c r="G45" s="1250"/>
      <c r="H45" s="1251"/>
      <c r="I45" s="354">
        <v>888</v>
      </c>
      <c r="J45" s="355">
        <v>816</v>
      </c>
      <c r="K45" s="355">
        <v>827</v>
      </c>
      <c r="L45" s="355">
        <v>861</v>
      </c>
      <c r="M45" s="356">
        <v>731</v>
      </c>
    </row>
    <row r="46" spans="2:13" ht="27.75" customHeight="1" x14ac:dyDescent="0.2">
      <c r="B46" s="1246"/>
      <c r="C46" s="1247"/>
      <c r="D46" s="104"/>
      <c r="E46" s="1250" t="s">
        <v>36</v>
      </c>
      <c r="F46" s="1250"/>
      <c r="G46" s="1250"/>
      <c r="H46" s="1251"/>
      <c r="I46" s="354" t="s">
        <v>519</v>
      </c>
      <c r="J46" s="355" t="s">
        <v>519</v>
      </c>
      <c r="K46" s="355" t="s">
        <v>519</v>
      </c>
      <c r="L46" s="355" t="s">
        <v>519</v>
      </c>
      <c r="M46" s="356" t="s">
        <v>519</v>
      </c>
    </row>
    <row r="47" spans="2:13" ht="27.75" customHeight="1" x14ac:dyDescent="0.2">
      <c r="B47" s="1246"/>
      <c r="C47" s="1247"/>
      <c r="D47" s="105"/>
      <c r="E47" s="1260" t="s">
        <v>37</v>
      </c>
      <c r="F47" s="1261"/>
      <c r="G47" s="1261"/>
      <c r="H47" s="1262"/>
      <c r="I47" s="354" t="s">
        <v>519</v>
      </c>
      <c r="J47" s="355" t="s">
        <v>519</v>
      </c>
      <c r="K47" s="355" t="s">
        <v>519</v>
      </c>
      <c r="L47" s="355" t="s">
        <v>519</v>
      </c>
      <c r="M47" s="356" t="s">
        <v>519</v>
      </c>
    </row>
    <row r="48" spans="2:13" ht="27.75" customHeight="1" x14ac:dyDescent="0.2">
      <c r="B48" s="1246"/>
      <c r="C48" s="1247"/>
      <c r="D48" s="103"/>
      <c r="E48" s="1250" t="s">
        <v>38</v>
      </c>
      <c r="F48" s="1250"/>
      <c r="G48" s="1250"/>
      <c r="H48" s="1251"/>
      <c r="I48" s="354" t="s">
        <v>519</v>
      </c>
      <c r="J48" s="355" t="s">
        <v>519</v>
      </c>
      <c r="K48" s="355" t="s">
        <v>519</v>
      </c>
      <c r="L48" s="355" t="s">
        <v>519</v>
      </c>
      <c r="M48" s="356" t="s">
        <v>519</v>
      </c>
    </row>
    <row r="49" spans="2:13" ht="27.75" customHeight="1" x14ac:dyDescent="0.2">
      <c r="B49" s="1248"/>
      <c r="C49" s="1249"/>
      <c r="D49" s="103"/>
      <c r="E49" s="1250" t="s">
        <v>39</v>
      </c>
      <c r="F49" s="1250"/>
      <c r="G49" s="1250"/>
      <c r="H49" s="1251"/>
      <c r="I49" s="354" t="s">
        <v>519</v>
      </c>
      <c r="J49" s="355" t="s">
        <v>519</v>
      </c>
      <c r="K49" s="355" t="s">
        <v>519</v>
      </c>
      <c r="L49" s="355" t="s">
        <v>519</v>
      </c>
      <c r="M49" s="356" t="s">
        <v>519</v>
      </c>
    </row>
    <row r="50" spans="2:13" ht="27.75" customHeight="1" x14ac:dyDescent="0.2">
      <c r="B50" s="1244" t="s">
        <v>40</v>
      </c>
      <c r="C50" s="1245"/>
      <c r="D50" s="106"/>
      <c r="E50" s="1250" t="s">
        <v>41</v>
      </c>
      <c r="F50" s="1250"/>
      <c r="G50" s="1250"/>
      <c r="H50" s="1251"/>
      <c r="I50" s="354">
        <v>481</v>
      </c>
      <c r="J50" s="355">
        <v>595</v>
      </c>
      <c r="K50" s="355">
        <v>556</v>
      </c>
      <c r="L50" s="355">
        <v>512</v>
      </c>
      <c r="M50" s="356">
        <v>751</v>
      </c>
    </row>
    <row r="51" spans="2:13" ht="27.75" customHeight="1" x14ac:dyDescent="0.2">
      <c r="B51" s="1246"/>
      <c r="C51" s="1247"/>
      <c r="D51" s="103"/>
      <c r="E51" s="1250" t="s">
        <v>42</v>
      </c>
      <c r="F51" s="1250"/>
      <c r="G51" s="1250"/>
      <c r="H51" s="1251"/>
      <c r="I51" s="354">
        <v>67</v>
      </c>
      <c r="J51" s="355">
        <v>55</v>
      </c>
      <c r="K51" s="355">
        <v>47</v>
      </c>
      <c r="L51" s="355">
        <v>40</v>
      </c>
      <c r="M51" s="356">
        <v>35</v>
      </c>
    </row>
    <row r="52" spans="2:13" ht="27.75" customHeight="1" x14ac:dyDescent="0.2">
      <c r="B52" s="1248"/>
      <c r="C52" s="1249"/>
      <c r="D52" s="103"/>
      <c r="E52" s="1250" t="s">
        <v>43</v>
      </c>
      <c r="F52" s="1250"/>
      <c r="G52" s="1250"/>
      <c r="H52" s="1251"/>
      <c r="I52" s="354">
        <v>3297</v>
      </c>
      <c r="J52" s="355">
        <v>3344</v>
      </c>
      <c r="K52" s="355">
        <v>3592</v>
      </c>
      <c r="L52" s="355">
        <v>3574</v>
      </c>
      <c r="M52" s="356">
        <v>3533</v>
      </c>
    </row>
    <row r="53" spans="2:13" ht="27.75" customHeight="1" thickBot="1" x14ac:dyDescent="0.25">
      <c r="B53" s="1252" t="s">
        <v>44</v>
      </c>
      <c r="C53" s="1253"/>
      <c r="D53" s="107"/>
      <c r="E53" s="1254" t="s">
        <v>45</v>
      </c>
      <c r="F53" s="1254"/>
      <c r="G53" s="1254"/>
      <c r="H53" s="1255"/>
      <c r="I53" s="357">
        <v>2983</v>
      </c>
      <c r="J53" s="358">
        <v>2854</v>
      </c>
      <c r="K53" s="358">
        <v>2846</v>
      </c>
      <c r="L53" s="358">
        <v>2779</v>
      </c>
      <c r="M53" s="359">
        <v>2314</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bEVmsn8iu6IkZHBgXHWFShMPXDs3Ln592dtGc5wiAHzuBtqXdohGKtAX6jT29XOR+EdOAsNYXvzFeZ22FXvItg==" saltValue="lg1FhfRNTXR7aWl+cDrkx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5"/>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3</v>
      </c>
      <c r="G54" s="116" t="s">
        <v>564</v>
      </c>
      <c r="H54" s="117" t="s">
        <v>565</v>
      </c>
    </row>
    <row r="55" spans="2:8" ht="52.5" customHeight="1" x14ac:dyDescent="0.2">
      <c r="B55" s="118"/>
      <c r="C55" s="1271" t="s">
        <v>48</v>
      </c>
      <c r="D55" s="1271"/>
      <c r="E55" s="1272"/>
      <c r="F55" s="119">
        <v>290</v>
      </c>
      <c r="G55" s="119">
        <v>260</v>
      </c>
      <c r="H55" s="120">
        <v>335</v>
      </c>
    </row>
    <row r="56" spans="2:8" ht="52.5" customHeight="1" x14ac:dyDescent="0.2">
      <c r="B56" s="121"/>
      <c r="C56" s="1273" t="s">
        <v>49</v>
      </c>
      <c r="D56" s="1273"/>
      <c r="E56" s="1274"/>
      <c r="F56" s="122">
        <v>0</v>
      </c>
      <c r="G56" s="122">
        <v>0</v>
      </c>
      <c r="H56" s="123">
        <v>0</v>
      </c>
    </row>
    <row r="57" spans="2:8" ht="53.25" customHeight="1" x14ac:dyDescent="0.2">
      <c r="B57" s="121"/>
      <c r="C57" s="1275" t="s">
        <v>50</v>
      </c>
      <c r="D57" s="1275"/>
      <c r="E57" s="1276"/>
      <c r="F57" s="124">
        <v>78</v>
      </c>
      <c r="G57" s="124">
        <v>78</v>
      </c>
      <c r="H57" s="125">
        <v>215</v>
      </c>
    </row>
    <row r="58" spans="2:8" ht="45.75" customHeight="1" x14ac:dyDescent="0.2">
      <c r="B58" s="126"/>
      <c r="C58" s="1263" t="s">
        <v>597</v>
      </c>
      <c r="D58" s="1264"/>
      <c r="E58" s="1265"/>
      <c r="F58" s="127">
        <v>24</v>
      </c>
      <c r="G58" s="127">
        <v>31</v>
      </c>
      <c r="H58" s="128">
        <v>49</v>
      </c>
    </row>
    <row r="59" spans="2:8" ht="45.75" customHeight="1" x14ac:dyDescent="0.2">
      <c r="B59" s="126"/>
      <c r="C59" s="1263" t="s">
        <v>596</v>
      </c>
      <c r="D59" s="1264"/>
      <c r="E59" s="1265"/>
      <c r="F59" s="127">
        <v>15</v>
      </c>
      <c r="G59" s="127">
        <v>0</v>
      </c>
      <c r="H59" s="128">
        <v>48</v>
      </c>
    </row>
    <row r="60" spans="2:8" ht="45.75" customHeight="1" x14ac:dyDescent="0.2">
      <c r="B60" s="126"/>
      <c r="C60" s="1263" t="s">
        <v>593</v>
      </c>
      <c r="D60" s="1264"/>
      <c r="E60" s="1265"/>
      <c r="F60" s="127">
        <v>0</v>
      </c>
      <c r="G60" s="127">
        <v>0</v>
      </c>
      <c r="H60" s="128">
        <v>40</v>
      </c>
    </row>
    <row r="61" spans="2:8" ht="45.75" customHeight="1" x14ac:dyDescent="0.2">
      <c r="B61" s="126"/>
      <c r="C61" s="1263" t="s">
        <v>598</v>
      </c>
      <c r="D61" s="1264"/>
      <c r="E61" s="1265"/>
      <c r="F61" s="127">
        <v>0</v>
      </c>
      <c r="G61" s="127">
        <v>10</v>
      </c>
      <c r="H61" s="128">
        <v>22</v>
      </c>
    </row>
    <row r="62" spans="2:8" ht="45.75" customHeight="1" thickBot="1" x14ac:dyDescent="0.25">
      <c r="B62" s="129"/>
      <c r="C62" s="1266" t="s">
        <v>594</v>
      </c>
      <c r="D62" s="1267"/>
      <c r="E62" s="1268"/>
      <c r="F62" s="130">
        <v>2</v>
      </c>
      <c r="G62" s="130">
        <v>2</v>
      </c>
      <c r="H62" s="131">
        <v>12</v>
      </c>
    </row>
    <row r="63" spans="2:8" ht="52.5" customHeight="1" thickBot="1" x14ac:dyDescent="0.25">
      <c r="B63" s="132"/>
      <c r="C63" s="1269" t="s">
        <v>51</v>
      </c>
      <c r="D63" s="1269"/>
      <c r="E63" s="1270"/>
      <c r="F63" s="133">
        <v>368</v>
      </c>
      <c r="G63" s="133">
        <v>338</v>
      </c>
      <c r="H63" s="134">
        <v>550</v>
      </c>
    </row>
    <row r="64" spans="2:8" ht="13.2" x14ac:dyDescent="0.2"/>
    <row r="65" ht="13.5" hidden="1" customHeight="1" x14ac:dyDescent="0.2"/>
  </sheetData>
  <sheetProtection algorithmName="SHA-512" hashValue="bK9lPNQC0TdU7gYoHju0cCf6zdGcFENkZwhn3wklH8VVtoF+o9FGZiKIRcKS1rMP2HPQG+6xbIe/lRsCT028LA==" saltValue="IDLt+WOleC9gAP827aK6a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zoomScaleNormal="100"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00</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01</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5" t="s">
        <v>609</v>
      </c>
      <c r="AO43" s="1286"/>
      <c r="AP43" s="1286"/>
      <c r="AQ43" s="1286"/>
      <c r="AR43" s="1286"/>
      <c r="AS43" s="1286"/>
      <c r="AT43" s="1286"/>
      <c r="AU43" s="1286"/>
      <c r="AV43" s="1286"/>
      <c r="AW43" s="1286"/>
      <c r="AX43" s="1286"/>
      <c r="AY43" s="1286"/>
      <c r="AZ43" s="1286"/>
      <c r="BA43" s="1286"/>
      <c r="BB43" s="1286"/>
      <c r="BC43" s="1286"/>
      <c r="BD43" s="1286"/>
      <c r="BE43" s="1286"/>
      <c r="BF43" s="1286"/>
      <c r="BG43" s="1286"/>
      <c r="BH43" s="1286"/>
      <c r="BI43" s="1286"/>
      <c r="BJ43" s="1286"/>
      <c r="BK43" s="1286"/>
      <c r="BL43" s="1286"/>
      <c r="BM43" s="1286"/>
      <c r="BN43" s="1286"/>
      <c r="BO43" s="1286"/>
      <c r="BP43" s="1286"/>
      <c r="BQ43" s="1286"/>
      <c r="BR43" s="1286"/>
      <c r="BS43" s="1286"/>
      <c r="BT43" s="1286"/>
      <c r="BU43" s="1286"/>
      <c r="BV43" s="1286"/>
      <c r="BW43" s="1286"/>
      <c r="BX43" s="1286"/>
      <c r="BY43" s="1286"/>
      <c r="BZ43" s="1286"/>
      <c r="CA43" s="1286"/>
      <c r="CB43" s="1286"/>
      <c r="CC43" s="1286"/>
      <c r="CD43" s="1286"/>
      <c r="CE43" s="1286"/>
      <c r="CF43" s="1286"/>
      <c r="CG43" s="1286"/>
      <c r="CH43" s="1286"/>
      <c r="CI43" s="1286"/>
      <c r="CJ43" s="1286"/>
      <c r="CK43" s="1286"/>
      <c r="CL43" s="1286"/>
      <c r="CM43" s="1286"/>
      <c r="CN43" s="1286"/>
      <c r="CO43" s="1286"/>
      <c r="CP43" s="1286"/>
      <c r="CQ43" s="1286"/>
      <c r="CR43" s="1286"/>
      <c r="CS43" s="1286"/>
      <c r="CT43" s="1286"/>
      <c r="CU43" s="1286"/>
      <c r="CV43" s="1286"/>
      <c r="CW43" s="1286"/>
      <c r="CX43" s="1286"/>
      <c r="CY43" s="1286"/>
      <c r="CZ43" s="1286"/>
      <c r="DA43" s="1286"/>
      <c r="DB43" s="1286"/>
      <c r="DC43" s="1287"/>
    </row>
    <row r="44" spans="2:109" ht="13.2" x14ac:dyDescent="0.2">
      <c r="B44" s="376"/>
      <c r="AN44" s="1288"/>
      <c r="AO44" s="1289"/>
      <c r="AP44" s="1289"/>
      <c r="AQ44" s="1289"/>
      <c r="AR44" s="1289"/>
      <c r="AS44" s="1289"/>
      <c r="AT44" s="1289"/>
      <c r="AU44" s="1289"/>
      <c r="AV44" s="1289"/>
      <c r="AW44" s="1289"/>
      <c r="AX44" s="1289"/>
      <c r="AY44" s="1289"/>
      <c r="AZ44" s="1289"/>
      <c r="BA44" s="1289"/>
      <c r="BB44" s="1289"/>
      <c r="BC44" s="1289"/>
      <c r="BD44" s="1289"/>
      <c r="BE44" s="1289"/>
      <c r="BF44" s="1289"/>
      <c r="BG44" s="1289"/>
      <c r="BH44" s="1289"/>
      <c r="BI44" s="1289"/>
      <c r="BJ44" s="1289"/>
      <c r="BK44" s="1289"/>
      <c r="BL44" s="1289"/>
      <c r="BM44" s="1289"/>
      <c r="BN44" s="1289"/>
      <c r="BO44" s="1289"/>
      <c r="BP44" s="1289"/>
      <c r="BQ44" s="1289"/>
      <c r="BR44" s="1289"/>
      <c r="BS44" s="1289"/>
      <c r="BT44" s="1289"/>
      <c r="BU44" s="1289"/>
      <c r="BV44" s="1289"/>
      <c r="BW44" s="1289"/>
      <c r="BX44" s="1289"/>
      <c r="BY44" s="1289"/>
      <c r="BZ44" s="1289"/>
      <c r="CA44" s="1289"/>
      <c r="CB44" s="1289"/>
      <c r="CC44" s="1289"/>
      <c r="CD44" s="1289"/>
      <c r="CE44" s="1289"/>
      <c r="CF44" s="1289"/>
      <c r="CG44" s="1289"/>
      <c r="CH44" s="1289"/>
      <c r="CI44" s="1289"/>
      <c r="CJ44" s="1289"/>
      <c r="CK44" s="1289"/>
      <c r="CL44" s="1289"/>
      <c r="CM44" s="1289"/>
      <c r="CN44" s="1289"/>
      <c r="CO44" s="1289"/>
      <c r="CP44" s="1289"/>
      <c r="CQ44" s="1289"/>
      <c r="CR44" s="1289"/>
      <c r="CS44" s="1289"/>
      <c r="CT44" s="1289"/>
      <c r="CU44" s="1289"/>
      <c r="CV44" s="1289"/>
      <c r="CW44" s="1289"/>
      <c r="CX44" s="1289"/>
      <c r="CY44" s="1289"/>
      <c r="CZ44" s="1289"/>
      <c r="DA44" s="1289"/>
      <c r="DB44" s="1289"/>
      <c r="DC44" s="1290"/>
    </row>
    <row r="45" spans="2:109" ht="13.2" x14ac:dyDescent="0.2">
      <c r="B45" s="376"/>
      <c r="AN45" s="1288"/>
      <c r="AO45" s="1289"/>
      <c r="AP45" s="1289"/>
      <c r="AQ45" s="1289"/>
      <c r="AR45" s="1289"/>
      <c r="AS45" s="1289"/>
      <c r="AT45" s="1289"/>
      <c r="AU45" s="1289"/>
      <c r="AV45" s="1289"/>
      <c r="AW45" s="1289"/>
      <c r="AX45" s="1289"/>
      <c r="AY45" s="1289"/>
      <c r="AZ45" s="1289"/>
      <c r="BA45" s="1289"/>
      <c r="BB45" s="1289"/>
      <c r="BC45" s="1289"/>
      <c r="BD45" s="1289"/>
      <c r="BE45" s="1289"/>
      <c r="BF45" s="1289"/>
      <c r="BG45" s="1289"/>
      <c r="BH45" s="1289"/>
      <c r="BI45" s="1289"/>
      <c r="BJ45" s="1289"/>
      <c r="BK45" s="1289"/>
      <c r="BL45" s="1289"/>
      <c r="BM45" s="1289"/>
      <c r="BN45" s="1289"/>
      <c r="BO45" s="1289"/>
      <c r="BP45" s="1289"/>
      <c r="BQ45" s="1289"/>
      <c r="BR45" s="1289"/>
      <c r="BS45" s="1289"/>
      <c r="BT45" s="1289"/>
      <c r="BU45" s="1289"/>
      <c r="BV45" s="1289"/>
      <c r="BW45" s="1289"/>
      <c r="BX45" s="1289"/>
      <c r="BY45" s="1289"/>
      <c r="BZ45" s="1289"/>
      <c r="CA45" s="1289"/>
      <c r="CB45" s="1289"/>
      <c r="CC45" s="1289"/>
      <c r="CD45" s="1289"/>
      <c r="CE45" s="1289"/>
      <c r="CF45" s="1289"/>
      <c r="CG45" s="1289"/>
      <c r="CH45" s="1289"/>
      <c r="CI45" s="1289"/>
      <c r="CJ45" s="1289"/>
      <c r="CK45" s="1289"/>
      <c r="CL45" s="1289"/>
      <c r="CM45" s="1289"/>
      <c r="CN45" s="1289"/>
      <c r="CO45" s="1289"/>
      <c r="CP45" s="1289"/>
      <c r="CQ45" s="1289"/>
      <c r="CR45" s="1289"/>
      <c r="CS45" s="1289"/>
      <c r="CT45" s="1289"/>
      <c r="CU45" s="1289"/>
      <c r="CV45" s="1289"/>
      <c r="CW45" s="1289"/>
      <c r="CX45" s="1289"/>
      <c r="CY45" s="1289"/>
      <c r="CZ45" s="1289"/>
      <c r="DA45" s="1289"/>
      <c r="DB45" s="1289"/>
      <c r="DC45" s="1290"/>
    </row>
    <row r="46" spans="2:109" ht="13.2" x14ac:dyDescent="0.2">
      <c r="B46" s="376"/>
      <c r="AN46" s="1288"/>
      <c r="AO46" s="1289"/>
      <c r="AP46" s="1289"/>
      <c r="AQ46" s="1289"/>
      <c r="AR46" s="1289"/>
      <c r="AS46" s="1289"/>
      <c r="AT46" s="1289"/>
      <c r="AU46" s="1289"/>
      <c r="AV46" s="1289"/>
      <c r="AW46" s="1289"/>
      <c r="AX46" s="1289"/>
      <c r="AY46" s="1289"/>
      <c r="AZ46" s="1289"/>
      <c r="BA46" s="1289"/>
      <c r="BB46" s="1289"/>
      <c r="BC46" s="1289"/>
      <c r="BD46" s="1289"/>
      <c r="BE46" s="1289"/>
      <c r="BF46" s="1289"/>
      <c r="BG46" s="1289"/>
      <c r="BH46" s="1289"/>
      <c r="BI46" s="1289"/>
      <c r="BJ46" s="1289"/>
      <c r="BK46" s="1289"/>
      <c r="BL46" s="1289"/>
      <c r="BM46" s="1289"/>
      <c r="BN46" s="1289"/>
      <c r="BO46" s="1289"/>
      <c r="BP46" s="1289"/>
      <c r="BQ46" s="1289"/>
      <c r="BR46" s="1289"/>
      <c r="BS46" s="1289"/>
      <c r="BT46" s="1289"/>
      <c r="BU46" s="1289"/>
      <c r="BV46" s="1289"/>
      <c r="BW46" s="1289"/>
      <c r="BX46" s="1289"/>
      <c r="BY46" s="1289"/>
      <c r="BZ46" s="1289"/>
      <c r="CA46" s="1289"/>
      <c r="CB46" s="1289"/>
      <c r="CC46" s="1289"/>
      <c r="CD46" s="1289"/>
      <c r="CE46" s="1289"/>
      <c r="CF46" s="1289"/>
      <c r="CG46" s="1289"/>
      <c r="CH46" s="1289"/>
      <c r="CI46" s="1289"/>
      <c r="CJ46" s="1289"/>
      <c r="CK46" s="1289"/>
      <c r="CL46" s="1289"/>
      <c r="CM46" s="1289"/>
      <c r="CN46" s="1289"/>
      <c r="CO46" s="1289"/>
      <c r="CP46" s="1289"/>
      <c r="CQ46" s="1289"/>
      <c r="CR46" s="1289"/>
      <c r="CS46" s="1289"/>
      <c r="CT46" s="1289"/>
      <c r="CU46" s="1289"/>
      <c r="CV46" s="1289"/>
      <c r="CW46" s="1289"/>
      <c r="CX46" s="1289"/>
      <c r="CY46" s="1289"/>
      <c r="CZ46" s="1289"/>
      <c r="DA46" s="1289"/>
      <c r="DB46" s="1289"/>
      <c r="DC46" s="1290"/>
    </row>
    <row r="47" spans="2:109" ht="13.2" x14ac:dyDescent="0.2">
      <c r="B47" s="376"/>
      <c r="AN47" s="1291"/>
      <c r="AO47" s="1292"/>
      <c r="AP47" s="1292"/>
      <c r="AQ47" s="1292"/>
      <c r="AR47" s="1292"/>
      <c r="AS47" s="1292"/>
      <c r="AT47" s="1292"/>
      <c r="AU47" s="1292"/>
      <c r="AV47" s="1292"/>
      <c r="AW47" s="1292"/>
      <c r="AX47" s="1292"/>
      <c r="AY47" s="1292"/>
      <c r="AZ47" s="1292"/>
      <c r="BA47" s="1292"/>
      <c r="BB47" s="1292"/>
      <c r="BC47" s="1292"/>
      <c r="BD47" s="1292"/>
      <c r="BE47" s="1292"/>
      <c r="BF47" s="1292"/>
      <c r="BG47" s="1292"/>
      <c r="BH47" s="1292"/>
      <c r="BI47" s="1292"/>
      <c r="BJ47" s="1292"/>
      <c r="BK47" s="1292"/>
      <c r="BL47" s="1292"/>
      <c r="BM47" s="1292"/>
      <c r="BN47" s="1292"/>
      <c r="BO47" s="1292"/>
      <c r="BP47" s="1292"/>
      <c r="BQ47" s="1292"/>
      <c r="BR47" s="1292"/>
      <c r="BS47" s="1292"/>
      <c r="BT47" s="1292"/>
      <c r="BU47" s="1292"/>
      <c r="BV47" s="1292"/>
      <c r="BW47" s="1292"/>
      <c r="BX47" s="1292"/>
      <c r="BY47" s="1292"/>
      <c r="BZ47" s="1292"/>
      <c r="CA47" s="1292"/>
      <c r="CB47" s="1292"/>
      <c r="CC47" s="1292"/>
      <c r="CD47" s="1292"/>
      <c r="CE47" s="1292"/>
      <c r="CF47" s="1292"/>
      <c r="CG47" s="1292"/>
      <c r="CH47" s="1292"/>
      <c r="CI47" s="1292"/>
      <c r="CJ47" s="1292"/>
      <c r="CK47" s="1292"/>
      <c r="CL47" s="1292"/>
      <c r="CM47" s="1292"/>
      <c r="CN47" s="1292"/>
      <c r="CO47" s="1292"/>
      <c r="CP47" s="1292"/>
      <c r="CQ47" s="1292"/>
      <c r="CR47" s="1292"/>
      <c r="CS47" s="1292"/>
      <c r="CT47" s="1292"/>
      <c r="CU47" s="1292"/>
      <c r="CV47" s="1292"/>
      <c r="CW47" s="1292"/>
      <c r="CX47" s="1292"/>
      <c r="CY47" s="1292"/>
      <c r="CZ47" s="1292"/>
      <c r="DA47" s="1292"/>
      <c r="DB47" s="1292"/>
      <c r="DC47" s="1293"/>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02</v>
      </c>
    </row>
    <row r="50" spans="1:109" ht="13.2" x14ac:dyDescent="0.2">
      <c r="B50" s="376"/>
      <c r="G50" s="1277"/>
      <c r="H50" s="1277"/>
      <c r="I50" s="1277"/>
      <c r="J50" s="1277"/>
      <c r="K50" s="386"/>
      <c r="L50" s="386"/>
      <c r="M50" s="387"/>
      <c r="N50" s="387"/>
      <c r="AN50" s="1295"/>
      <c r="AO50" s="1296"/>
      <c r="AP50" s="1296"/>
      <c r="AQ50" s="1296"/>
      <c r="AR50" s="1296"/>
      <c r="AS50" s="1296"/>
      <c r="AT50" s="1296"/>
      <c r="AU50" s="1296"/>
      <c r="AV50" s="1296"/>
      <c r="AW50" s="1296"/>
      <c r="AX50" s="1296"/>
      <c r="AY50" s="1296"/>
      <c r="AZ50" s="1296"/>
      <c r="BA50" s="1296"/>
      <c r="BB50" s="1296"/>
      <c r="BC50" s="1296"/>
      <c r="BD50" s="1296"/>
      <c r="BE50" s="1296"/>
      <c r="BF50" s="1296"/>
      <c r="BG50" s="1296"/>
      <c r="BH50" s="1296"/>
      <c r="BI50" s="1296"/>
      <c r="BJ50" s="1296"/>
      <c r="BK50" s="1296"/>
      <c r="BL50" s="1296"/>
      <c r="BM50" s="1296"/>
      <c r="BN50" s="1296"/>
      <c r="BO50" s="1297"/>
      <c r="BP50" s="1283" t="s">
        <v>561</v>
      </c>
      <c r="BQ50" s="1283"/>
      <c r="BR50" s="1283"/>
      <c r="BS50" s="1283"/>
      <c r="BT50" s="1283"/>
      <c r="BU50" s="1283"/>
      <c r="BV50" s="1283"/>
      <c r="BW50" s="1283"/>
      <c r="BX50" s="1283" t="s">
        <v>562</v>
      </c>
      <c r="BY50" s="1283"/>
      <c r="BZ50" s="1283"/>
      <c r="CA50" s="1283"/>
      <c r="CB50" s="1283"/>
      <c r="CC50" s="1283"/>
      <c r="CD50" s="1283"/>
      <c r="CE50" s="1283"/>
      <c r="CF50" s="1283" t="s">
        <v>563</v>
      </c>
      <c r="CG50" s="1283"/>
      <c r="CH50" s="1283"/>
      <c r="CI50" s="1283"/>
      <c r="CJ50" s="1283"/>
      <c r="CK50" s="1283"/>
      <c r="CL50" s="1283"/>
      <c r="CM50" s="1283"/>
      <c r="CN50" s="1283" t="s">
        <v>564</v>
      </c>
      <c r="CO50" s="1283"/>
      <c r="CP50" s="1283"/>
      <c r="CQ50" s="1283"/>
      <c r="CR50" s="1283"/>
      <c r="CS50" s="1283"/>
      <c r="CT50" s="1283"/>
      <c r="CU50" s="1283"/>
      <c r="CV50" s="1283" t="s">
        <v>565</v>
      </c>
      <c r="CW50" s="1283"/>
      <c r="CX50" s="1283"/>
      <c r="CY50" s="1283"/>
      <c r="CZ50" s="1283"/>
      <c r="DA50" s="1283"/>
      <c r="DB50" s="1283"/>
      <c r="DC50" s="1283"/>
    </row>
    <row r="51" spans="1:109" ht="13.5" customHeight="1" x14ac:dyDescent="0.2">
      <c r="B51" s="376"/>
      <c r="G51" s="1294"/>
      <c r="H51" s="1294"/>
      <c r="I51" s="1298"/>
      <c r="J51" s="1298"/>
      <c r="K51" s="1284"/>
      <c r="L51" s="1284"/>
      <c r="M51" s="1284"/>
      <c r="N51" s="1284"/>
      <c r="AM51" s="385"/>
      <c r="AN51" s="1282" t="s">
        <v>603</v>
      </c>
      <c r="AO51" s="1282"/>
      <c r="AP51" s="1282"/>
      <c r="AQ51" s="1282"/>
      <c r="AR51" s="1282"/>
      <c r="AS51" s="1282"/>
      <c r="AT51" s="1282"/>
      <c r="AU51" s="1282"/>
      <c r="AV51" s="1282"/>
      <c r="AW51" s="1282"/>
      <c r="AX51" s="1282"/>
      <c r="AY51" s="1282"/>
      <c r="AZ51" s="1282"/>
      <c r="BA51" s="1282"/>
      <c r="BB51" s="1282" t="s">
        <v>604</v>
      </c>
      <c r="BC51" s="1282"/>
      <c r="BD51" s="1282"/>
      <c r="BE51" s="1282"/>
      <c r="BF51" s="1282"/>
      <c r="BG51" s="1282"/>
      <c r="BH51" s="1282"/>
      <c r="BI51" s="1282"/>
      <c r="BJ51" s="1282"/>
      <c r="BK51" s="1282"/>
      <c r="BL51" s="1282"/>
      <c r="BM51" s="1282"/>
      <c r="BN51" s="1282"/>
      <c r="BO51" s="1282"/>
      <c r="BP51" s="1279">
        <v>158.6</v>
      </c>
      <c r="BQ51" s="1279"/>
      <c r="BR51" s="1279"/>
      <c r="BS51" s="1279"/>
      <c r="BT51" s="1279"/>
      <c r="BU51" s="1279"/>
      <c r="BV51" s="1279"/>
      <c r="BW51" s="1279"/>
      <c r="BX51" s="1279">
        <v>153</v>
      </c>
      <c r="BY51" s="1279"/>
      <c r="BZ51" s="1279"/>
      <c r="CA51" s="1279"/>
      <c r="CB51" s="1279"/>
      <c r="CC51" s="1279"/>
      <c r="CD51" s="1279"/>
      <c r="CE51" s="1279"/>
      <c r="CF51" s="1279">
        <v>152.19999999999999</v>
      </c>
      <c r="CG51" s="1279"/>
      <c r="CH51" s="1279"/>
      <c r="CI51" s="1279"/>
      <c r="CJ51" s="1279"/>
      <c r="CK51" s="1279"/>
      <c r="CL51" s="1279"/>
      <c r="CM51" s="1279"/>
      <c r="CN51" s="1279">
        <v>140.1</v>
      </c>
      <c r="CO51" s="1279"/>
      <c r="CP51" s="1279"/>
      <c r="CQ51" s="1279"/>
      <c r="CR51" s="1279"/>
      <c r="CS51" s="1279"/>
      <c r="CT51" s="1279"/>
      <c r="CU51" s="1279"/>
      <c r="CV51" s="1279">
        <v>106</v>
      </c>
      <c r="CW51" s="1279"/>
      <c r="CX51" s="1279"/>
      <c r="CY51" s="1279"/>
      <c r="CZ51" s="1279"/>
      <c r="DA51" s="1279"/>
      <c r="DB51" s="1279"/>
      <c r="DC51" s="1279"/>
    </row>
    <row r="52" spans="1:109" ht="13.2" x14ac:dyDescent="0.2">
      <c r="B52" s="376"/>
      <c r="G52" s="1294"/>
      <c r="H52" s="1294"/>
      <c r="I52" s="1298"/>
      <c r="J52" s="1298"/>
      <c r="K52" s="1284"/>
      <c r="L52" s="1284"/>
      <c r="M52" s="1284"/>
      <c r="N52" s="1284"/>
      <c r="AM52" s="385"/>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79"/>
      <c r="BQ52" s="1279"/>
      <c r="BR52" s="1279"/>
      <c r="BS52" s="1279"/>
      <c r="BT52" s="1279"/>
      <c r="BU52" s="1279"/>
      <c r="BV52" s="1279"/>
      <c r="BW52" s="1279"/>
      <c r="BX52" s="1279"/>
      <c r="BY52" s="1279"/>
      <c r="BZ52" s="1279"/>
      <c r="CA52" s="1279"/>
      <c r="CB52" s="1279"/>
      <c r="CC52" s="1279"/>
      <c r="CD52" s="1279"/>
      <c r="CE52" s="1279"/>
      <c r="CF52" s="1279"/>
      <c r="CG52" s="1279"/>
      <c r="CH52" s="1279"/>
      <c r="CI52" s="1279"/>
      <c r="CJ52" s="1279"/>
      <c r="CK52" s="1279"/>
      <c r="CL52" s="1279"/>
      <c r="CM52" s="1279"/>
      <c r="CN52" s="1279"/>
      <c r="CO52" s="1279"/>
      <c r="CP52" s="1279"/>
      <c r="CQ52" s="1279"/>
      <c r="CR52" s="1279"/>
      <c r="CS52" s="1279"/>
      <c r="CT52" s="1279"/>
      <c r="CU52" s="1279"/>
      <c r="CV52" s="1279"/>
      <c r="CW52" s="1279"/>
      <c r="CX52" s="1279"/>
      <c r="CY52" s="1279"/>
      <c r="CZ52" s="1279"/>
      <c r="DA52" s="1279"/>
      <c r="DB52" s="1279"/>
      <c r="DC52" s="1279"/>
    </row>
    <row r="53" spans="1:109" ht="13.2" x14ac:dyDescent="0.2">
      <c r="A53" s="384"/>
      <c r="B53" s="376"/>
      <c r="G53" s="1294"/>
      <c r="H53" s="1294"/>
      <c r="I53" s="1277"/>
      <c r="J53" s="1277"/>
      <c r="K53" s="1284"/>
      <c r="L53" s="1284"/>
      <c r="M53" s="1284"/>
      <c r="N53" s="1284"/>
      <c r="AM53" s="385"/>
      <c r="AN53" s="1282"/>
      <c r="AO53" s="1282"/>
      <c r="AP53" s="1282"/>
      <c r="AQ53" s="1282"/>
      <c r="AR53" s="1282"/>
      <c r="AS53" s="1282"/>
      <c r="AT53" s="1282"/>
      <c r="AU53" s="1282"/>
      <c r="AV53" s="1282"/>
      <c r="AW53" s="1282"/>
      <c r="AX53" s="1282"/>
      <c r="AY53" s="1282"/>
      <c r="AZ53" s="1282"/>
      <c r="BA53" s="1282"/>
      <c r="BB53" s="1282" t="s">
        <v>605</v>
      </c>
      <c r="BC53" s="1282"/>
      <c r="BD53" s="1282"/>
      <c r="BE53" s="1282"/>
      <c r="BF53" s="1282"/>
      <c r="BG53" s="1282"/>
      <c r="BH53" s="1282"/>
      <c r="BI53" s="1282"/>
      <c r="BJ53" s="1282"/>
      <c r="BK53" s="1282"/>
      <c r="BL53" s="1282"/>
      <c r="BM53" s="1282"/>
      <c r="BN53" s="1282"/>
      <c r="BO53" s="1282"/>
      <c r="BP53" s="1279">
        <v>52.5</v>
      </c>
      <c r="BQ53" s="1279"/>
      <c r="BR53" s="1279"/>
      <c r="BS53" s="1279"/>
      <c r="BT53" s="1279"/>
      <c r="BU53" s="1279"/>
      <c r="BV53" s="1279"/>
      <c r="BW53" s="1279"/>
      <c r="BX53" s="1279">
        <v>63.2</v>
      </c>
      <c r="BY53" s="1279"/>
      <c r="BZ53" s="1279"/>
      <c r="CA53" s="1279"/>
      <c r="CB53" s="1279"/>
      <c r="CC53" s="1279"/>
      <c r="CD53" s="1279"/>
      <c r="CE53" s="1279"/>
      <c r="CF53" s="1279">
        <v>62.4</v>
      </c>
      <c r="CG53" s="1279"/>
      <c r="CH53" s="1279"/>
      <c r="CI53" s="1279"/>
      <c r="CJ53" s="1279"/>
      <c r="CK53" s="1279"/>
      <c r="CL53" s="1279"/>
      <c r="CM53" s="1279"/>
      <c r="CN53" s="1279">
        <v>64.7</v>
      </c>
      <c r="CO53" s="1279"/>
      <c r="CP53" s="1279"/>
      <c r="CQ53" s="1279"/>
      <c r="CR53" s="1279"/>
      <c r="CS53" s="1279"/>
      <c r="CT53" s="1279"/>
      <c r="CU53" s="1279"/>
      <c r="CV53" s="1279">
        <v>66.8</v>
      </c>
      <c r="CW53" s="1279"/>
      <c r="CX53" s="1279"/>
      <c r="CY53" s="1279"/>
      <c r="CZ53" s="1279"/>
      <c r="DA53" s="1279"/>
      <c r="DB53" s="1279"/>
      <c r="DC53" s="1279"/>
    </row>
    <row r="54" spans="1:109" ht="13.2" x14ac:dyDescent="0.2">
      <c r="A54" s="384"/>
      <c r="B54" s="376"/>
      <c r="G54" s="1294"/>
      <c r="H54" s="1294"/>
      <c r="I54" s="1277"/>
      <c r="J54" s="1277"/>
      <c r="K54" s="1284"/>
      <c r="L54" s="1284"/>
      <c r="M54" s="1284"/>
      <c r="N54" s="1284"/>
      <c r="AM54" s="385"/>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79"/>
      <c r="BQ54" s="1279"/>
      <c r="BR54" s="1279"/>
      <c r="BS54" s="1279"/>
      <c r="BT54" s="1279"/>
      <c r="BU54" s="1279"/>
      <c r="BV54" s="1279"/>
      <c r="BW54" s="1279"/>
      <c r="BX54" s="1279"/>
      <c r="BY54" s="1279"/>
      <c r="BZ54" s="1279"/>
      <c r="CA54" s="1279"/>
      <c r="CB54" s="1279"/>
      <c r="CC54" s="1279"/>
      <c r="CD54" s="1279"/>
      <c r="CE54" s="1279"/>
      <c r="CF54" s="1279"/>
      <c r="CG54" s="1279"/>
      <c r="CH54" s="1279"/>
      <c r="CI54" s="1279"/>
      <c r="CJ54" s="1279"/>
      <c r="CK54" s="1279"/>
      <c r="CL54" s="1279"/>
      <c r="CM54" s="1279"/>
      <c r="CN54" s="1279"/>
      <c r="CO54" s="1279"/>
      <c r="CP54" s="1279"/>
      <c r="CQ54" s="1279"/>
      <c r="CR54" s="1279"/>
      <c r="CS54" s="1279"/>
      <c r="CT54" s="1279"/>
      <c r="CU54" s="1279"/>
      <c r="CV54" s="1279"/>
      <c r="CW54" s="1279"/>
      <c r="CX54" s="1279"/>
      <c r="CY54" s="1279"/>
      <c r="CZ54" s="1279"/>
      <c r="DA54" s="1279"/>
      <c r="DB54" s="1279"/>
      <c r="DC54" s="1279"/>
    </row>
    <row r="55" spans="1:109" ht="13.2" x14ac:dyDescent="0.2">
      <c r="A55" s="384"/>
      <c r="B55" s="376"/>
      <c r="G55" s="1277"/>
      <c r="H55" s="1277"/>
      <c r="I55" s="1277"/>
      <c r="J55" s="1277"/>
      <c r="K55" s="1284"/>
      <c r="L55" s="1284"/>
      <c r="M55" s="1284"/>
      <c r="N55" s="1284"/>
      <c r="AN55" s="1283" t="s">
        <v>606</v>
      </c>
      <c r="AO55" s="1283"/>
      <c r="AP55" s="1283"/>
      <c r="AQ55" s="1283"/>
      <c r="AR55" s="1283"/>
      <c r="AS55" s="1283"/>
      <c r="AT55" s="1283"/>
      <c r="AU55" s="1283"/>
      <c r="AV55" s="1283"/>
      <c r="AW55" s="1283"/>
      <c r="AX55" s="1283"/>
      <c r="AY55" s="1283"/>
      <c r="AZ55" s="1283"/>
      <c r="BA55" s="1283"/>
      <c r="BB55" s="1282" t="s">
        <v>604</v>
      </c>
      <c r="BC55" s="1282"/>
      <c r="BD55" s="1282"/>
      <c r="BE55" s="1282"/>
      <c r="BF55" s="1282"/>
      <c r="BG55" s="1282"/>
      <c r="BH55" s="1282"/>
      <c r="BI55" s="1282"/>
      <c r="BJ55" s="1282"/>
      <c r="BK55" s="1282"/>
      <c r="BL55" s="1282"/>
      <c r="BM55" s="1282"/>
      <c r="BN55" s="1282"/>
      <c r="BO55" s="1282"/>
      <c r="BP55" s="1279">
        <v>23.4</v>
      </c>
      <c r="BQ55" s="1279"/>
      <c r="BR55" s="1279"/>
      <c r="BS55" s="1279"/>
      <c r="BT55" s="1279"/>
      <c r="BU55" s="1279"/>
      <c r="BV55" s="1279"/>
      <c r="BW55" s="1279"/>
      <c r="BX55" s="1279">
        <v>7.6</v>
      </c>
      <c r="BY55" s="1279"/>
      <c r="BZ55" s="1279"/>
      <c r="CA55" s="1279"/>
      <c r="CB55" s="1279"/>
      <c r="CC55" s="1279"/>
      <c r="CD55" s="1279"/>
      <c r="CE55" s="1279"/>
      <c r="CF55" s="1279">
        <v>3</v>
      </c>
      <c r="CG55" s="1279"/>
      <c r="CH55" s="1279"/>
      <c r="CI55" s="1279"/>
      <c r="CJ55" s="1279"/>
      <c r="CK55" s="1279"/>
      <c r="CL55" s="1279"/>
      <c r="CM55" s="1279"/>
      <c r="CN55" s="1279">
        <v>3.4</v>
      </c>
      <c r="CO55" s="1279"/>
      <c r="CP55" s="1279"/>
      <c r="CQ55" s="1279"/>
      <c r="CR55" s="1279"/>
      <c r="CS55" s="1279"/>
      <c r="CT55" s="1279"/>
      <c r="CU55" s="1279"/>
      <c r="CV55" s="1279">
        <v>0</v>
      </c>
      <c r="CW55" s="1279"/>
      <c r="CX55" s="1279"/>
      <c r="CY55" s="1279"/>
      <c r="CZ55" s="1279"/>
      <c r="DA55" s="1279"/>
      <c r="DB55" s="1279"/>
      <c r="DC55" s="1279"/>
    </row>
    <row r="56" spans="1:109" ht="13.2" x14ac:dyDescent="0.2">
      <c r="A56" s="384"/>
      <c r="B56" s="376"/>
      <c r="G56" s="1277"/>
      <c r="H56" s="1277"/>
      <c r="I56" s="1277"/>
      <c r="J56" s="1277"/>
      <c r="K56" s="1284"/>
      <c r="L56" s="1284"/>
      <c r="M56" s="1284"/>
      <c r="N56" s="1284"/>
      <c r="AN56" s="1283"/>
      <c r="AO56" s="1283"/>
      <c r="AP56" s="1283"/>
      <c r="AQ56" s="1283"/>
      <c r="AR56" s="1283"/>
      <c r="AS56" s="1283"/>
      <c r="AT56" s="1283"/>
      <c r="AU56" s="1283"/>
      <c r="AV56" s="1283"/>
      <c r="AW56" s="1283"/>
      <c r="AX56" s="1283"/>
      <c r="AY56" s="1283"/>
      <c r="AZ56" s="1283"/>
      <c r="BA56" s="1283"/>
      <c r="BB56" s="1282"/>
      <c r="BC56" s="1282"/>
      <c r="BD56" s="1282"/>
      <c r="BE56" s="1282"/>
      <c r="BF56" s="1282"/>
      <c r="BG56" s="1282"/>
      <c r="BH56" s="1282"/>
      <c r="BI56" s="1282"/>
      <c r="BJ56" s="1282"/>
      <c r="BK56" s="1282"/>
      <c r="BL56" s="1282"/>
      <c r="BM56" s="1282"/>
      <c r="BN56" s="1282"/>
      <c r="BO56" s="1282"/>
      <c r="BP56" s="1279"/>
      <c r="BQ56" s="1279"/>
      <c r="BR56" s="1279"/>
      <c r="BS56" s="1279"/>
      <c r="BT56" s="1279"/>
      <c r="BU56" s="1279"/>
      <c r="BV56" s="1279"/>
      <c r="BW56" s="1279"/>
      <c r="BX56" s="1279"/>
      <c r="BY56" s="1279"/>
      <c r="BZ56" s="1279"/>
      <c r="CA56" s="1279"/>
      <c r="CB56" s="1279"/>
      <c r="CC56" s="1279"/>
      <c r="CD56" s="1279"/>
      <c r="CE56" s="1279"/>
      <c r="CF56" s="1279"/>
      <c r="CG56" s="1279"/>
      <c r="CH56" s="1279"/>
      <c r="CI56" s="1279"/>
      <c r="CJ56" s="1279"/>
      <c r="CK56" s="1279"/>
      <c r="CL56" s="1279"/>
      <c r="CM56" s="1279"/>
      <c r="CN56" s="1279"/>
      <c r="CO56" s="1279"/>
      <c r="CP56" s="1279"/>
      <c r="CQ56" s="1279"/>
      <c r="CR56" s="1279"/>
      <c r="CS56" s="1279"/>
      <c r="CT56" s="1279"/>
      <c r="CU56" s="1279"/>
      <c r="CV56" s="1279"/>
      <c r="CW56" s="1279"/>
      <c r="CX56" s="1279"/>
      <c r="CY56" s="1279"/>
      <c r="CZ56" s="1279"/>
      <c r="DA56" s="1279"/>
      <c r="DB56" s="1279"/>
      <c r="DC56" s="1279"/>
    </row>
    <row r="57" spans="1:109" s="384" customFormat="1" ht="13.2" x14ac:dyDescent="0.2">
      <c r="B57" s="388"/>
      <c r="G57" s="1277"/>
      <c r="H57" s="1277"/>
      <c r="I57" s="1280"/>
      <c r="J57" s="1280"/>
      <c r="K57" s="1284"/>
      <c r="L57" s="1284"/>
      <c r="M57" s="1284"/>
      <c r="N57" s="1284"/>
      <c r="AM57" s="370"/>
      <c r="AN57" s="1283"/>
      <c r="AO57" s="1283"/>
      <c r="AP57" s="1283"/>
      <c r="AQ57" s="1283"/>
      <c r="AR57" s="1283"/>
      <c r="AS57" s="1283"/>
      <c r="AT57" s="1283"/>
      <c r="AU57" s="1283"/>
      <c r="AV57" s="1283"/>
      <c r="AW57" s="1283"/>
      <c r="AX57" s="1283"/>
      <c r="AY57" s="1283"/>
      <c r="AZ57" s="1283"/>
      <c r="BA57" s="1283"/>
      <c r="BB57" s="1282" t="s">
        <v>605</v>
      </c>
      <c r="BC57" s="1282"/>
      <c r="BD57" s="1282"/>
      <c r="BE57" s="1282"/>
      <c r="BF57" s="1282"/>
      <c r="BG57" s="1282"/>
      <c r="BH57" s="1282"/>
      <c r="BI57" s="1282"/>
      <c r="BJ57" s="1282"/>
      <c r="BK57" s="1282"/>
      <c r="BL57" s="1282"/>
      <c r="BM57" s="1282"/>
      <c r="BN57" s="1282"/>
      <c r="BO57" s="1282"/>
      <c r="BP57" s="1279">
        <v>59.2</v>
      </c>
      <c r="BQ57" s="1279"/>
      <c r="BR57" s="1279"/>
      <c r="BS57" s="1279"/>
      <c r="BT57" s="1279"/>
      <c r="BU57" s="1279"/>
      <c r="BV57" s="1279"/>
      <c r="BW57" s="1279"/>
      <c r="BX57" s="1279">
        <v>63.4</v>
      </c>
      <c r="BY57" s="1279"/>
      <c r="BZ57" s="1279"/>
      <c r="CA57" s="1279"/>
      <c r="CB57" s="1279"/>
      <c r="CC57" s="1279"/>
      <c r="CD57" s="1279"/>
      <c r="CE57" s="1279"/>
      <c r="CF57" s="1279">
        <v>63.3</v>
      </c>
      <c r="CG57" s="1279"/>
      <c r="CH57" s="1279"/>
      <c r="CI57" s="1279"/>
      <c r="CJ57" s="1279"/>
      <c r="CK57" s="1279"/>
      <c r="CL57" s="1279"/>
      <c r="CM57" s="1279"/>
      <c r="CN57" s="1279">
        <v>62.8</v>
      </c>
      <c r="CO57" s="1279"/>
      <c r="CP57" s="1279"/>
      <c r="CQ57" s="1279"/>
      <c r="CR57" s="1279"/>
      <c r="CS57" s="1279"/>
      <c r="CT57" s="1279"/>
      <c r="CU57" s="1279"/>
      <c r="CV57" s="1279">
        <v>62.8</v>
      </c>
      <c r="CW57" s="1279"/>
      <c r="CX57" s="1279"/>
      <c r="CY57" s="1279"/>
      <c r="CZ57" s="1279"/>
      <c r="DA57" s="1279"/>
      <c r="DB57" s="1279"/>
      <c r="DC57" s="1279"/>
      <c r="DD57" s="389"/>
      <c r="DE57" s="388"/>
    </row>
    <row r="58" spans="1:109" s="384" customFormat="1" ht="13.2" x14ac:dyDescent="0.2">
      <c r="A58" s="370"/>
      <c r="B58" s="388"/>
      <c r="G58" s="1277"/>
      <c r="H58" s="1277"/>
      <c r="I58" s="1280"/>
      <c r="J58" s="1280"/>
      <c r="K58" s="1284"/>
      <c r="L58" s="1284"/>
      <c r="M58" s="1284"/>
      <c r="N58" s="1284"/>
      <c r="AM58" s="370"/>
      <c r="AN58" s="1283"/>
      <c r="AO58" s="1283"/>
      <c r="AP58" s="1283"/>
      <c r="AQ58" s="1283"/>
      <c r="AR58" s="1283"/>
      <c r="AS58" s="1283"/>
      <c r="AT58" s="1283"/>
      <c r="AU58" s="1283"/>
      <c r="AV58" s="1283"/>
      <c r="AW58" s="1283"/>
      <c r="AX58" s="1283"/>
      <c r="AY58" s="1283"/>
      <c r="AZ58" s="1283"/>
      <c r="BA58" s="1283"/>
      <c r="BB58" s="1282"/>
      <c r="BC58" s="1282"/>
      <c r="BD58" s="1282"/>
      <c r="BE58" s="1282"/>
      <c r="BF58" s="1282"/>
      <c r="BG58" s="1282"/>
      <c r="BH58" s="1282"/>
      <c r="BI58" s="1282"/>
      <c r="BJ58" s="1282"/>
      <c r="BK58" s="1282"/>
      <c r="BL58" s="1282"/>
      <c r="BM58" s="1282"/>
      <c r="BN58" s="1282"/>
      <c r="BO58" s="1282"/>
      <c r="BP58" s="1279"/>
      <c r="BQ58" s="1279"/>
      <c r="BR58" s="1279"/>
      <c r="BS58" s="1279"/>
      <c r="BT58" s="1279"/>
      <c r="BU58" s="1279"/>
      <c r="BV58" s="1279"/>
      <c r="BW58" s="1279"/>
      <c r="BX58" s="1279"/>
      <c r="BY58" s="1279"/>
      <c r="BZ58" s="1279"/>
      <c r="CA58" s="1279"/>
      <c r="CB58" s="1279"/>
      <c r="CC58" s="1279"/>
      <c r="CD58" s="1279"/>
      <c r="CE58" s="1279"/>
      <c r="CF58" s="1279"/>
      <c r="CG58" s="1279"/>
      <c r="CH58" s="1279"/>
      <c r="CI58" s="1279"/>
      <c r="CJ58" s="1279"/>
      <c r="CK58" s="1279"/>
      <c r="CL58" s="1279"/>
      <c r="CM58" s="1279"/>
      <c r="CN58" s="1279"/>
      <c r="CO58" s="1279"/>
      <c r="CP58" s="1279"/>
      <c r="CQ58" s="1279"/>
      <c r="CR58" s="1279"/>
      <c r="CS58" s="1279"/>
      <c r="CT58" s="1279"/>
      <c r="CU58" s="1279"/>
      <c r="CV58" s="1279"/>
      <c r="CW58" s="1279"/>
      <c r="CX58" s="1279"/>
      <c r="CY58" s="1279"/>
      <c r="CZ58" s="1279"/>
      <c r="DA58" s="1279"/>
      <c r="DB58" s="1279"/>
      <c r="DC58" s="1279"/>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07</v>
      </c>
    </row>
    <row r="64" spans="1:109" ht="13.2" x14ac:dyDescent="0.2">
      <c r="B64" s="376"/>
      <c r="G64" s="383"/>
      <c r="I64" s="396"/>
      <c r="J64" s="396"/>
      <c r="K64" s="396"/>
      <c r="L64" s="396"/>
      <c r="M64" s="396"/>
      <c r="N64" s="397"/>
      <c r="AM64" s="383"/>
      <c r="AN64" s="383" t="s">
        <v>601</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5" t="s">
        <v>610</v>
      </c>
      <c r="AO65" s="1286"/>
      <c r="AP65" s="1286"/>
      <c r="AQ65" s="1286"/>
      <c r="AR65" s="1286"/>
      <c r="AS65" s="1286"/>
      <c r="AT65" s="1286"/>
      <c r="AU65" s="1286"/>
      <c r="AV65" s="1286"/>
      <c r="AW65" s="1286"/>
      <c r="AX65" s="1286"/>
      <c r="AY65" s="1286"/>
      <c r="AZ65" s="1286"/>
      <c r="BA65" s="1286"/>
      <c r="BB65" s="1286"/>
      <c r="BC65" s="1286"/>
      <c r="BD65" s="1286"/>
      <c r="BE65" s="1286"/>
      <c r="BF65" s="1286"/>
      <c r="BG65" s="1286"/>
      <c r="BH65" s="1286"/>
      <c r="BI65" s="1286"/>
      <c r="BJ65" s="1286"/>
      <c r="BK65" s="1286"/>
      <c r="BL65" s="1286"/>
      <c r="BM65" s="1286"/>
      <c r="BN65" s="1286"/>
      <c r="BO65" s="1286"/>
      <c r="BP65" s="1286"/>
      <c r="BQ65" s="1286"/>
      <c r="BR65" s="1286"/>
      <c r="BS65" s="1286"/>
      <c r="BT65" s="1286"/>
      <c r="BU65" s="1286"/>
      <c r="BV65" s="1286"/>
      <c r="BW65" s="1286"/>
      <c r="BX65" s="1286"/>
      <c r="BY65" s="1286"/>
      <c r="BZ65" s="1286"/>
      <c r="CA65" s="1286"/>
      <c r="CB65" s="1286"/>
      <c r="CC65" s="1286"/>
      <c r="CD65" s="1286"/>
      <c r="CE65" s="1286"/>
      <c r="CF65" s="1286"/>
      <c r="CG65" s="1286"/>
      <c r="CH65" s="1286"/>
      <c r="CI65" s="1286"/>
      <c r="CJ65" s="1286"/>
      <c r="CK65" s="1286"/>
      <c r="CL65" s="1286"/>
      <c r="CM65" s="1286"/>
      <c r="CN65" s="1286"/>
      <c r="CO65" s="1286"/>
      <c r="CP65" s="1286"/>
      <c r="CQ65" s="1286"/>
      <c r="CR65" s="1286"/>
      <c r="CS65" s="1286"/>
      <c r="CT65" s="1286"/>
      <c r="CU65" s="1286"/>
      <c r="CV65" s="1286"/>
      <c r="CW65" s="1286"/>
      <c r="CX65" s="1286"/>
      <c r="CY65" s="1286"/>
      <c r="CZ65" s="1286"/>
      <c r="DA65" s="1286"/>
      <c r="DB65" s="1286"/>
      <c r="DC65" s="1287"/>
    </row>
    <row r="66" spans="2:107" ht="13.2" x14ac:dyDescent="0.2">
      <c r="B66" s="376"/>
      <c r="AN66" s="1288"/>
      <c r="AO66" s="1289"/>
      <c r="AP66" s="1289"/>
      <c r="AQ66" s="1289"/>
      <c r="AR66" s="1289"/>
      <c r="AS66" s="1289"/>
      <c r="AT66" s="1289"/>
      <c r="AU66" s="1289"/>
      <c r="AV66" s="1289"/>
      <c r="AW66" s="1289"/>
      <c r="AX66" s="1289"/>
      <c r="AY66" s="1289"/>
      <c r="AZ66" s="1289"/>
      <c r="BA66" s="1289"/>
      <c r="BB66" s="1289"/>
      <c r="BC66" s="1289"/>
      <c r="BD66" s="1289"/>
      <c r="BE66" s="1289"/>
      <c r="BF66" s="1289"/>
      <c r="BG66" s="1289"/>
      <c r="BH66" s="1289"/>
      <c r="BI66" s="1289"/>
      <c r="BJ66" s="1289"/>
      <c r="BK66" s="1289"/>
      <c r="BL66" s="1289"/>
      <c r="BM66" s="1289"/>
      <c r="BN66" s="1289"/>
      <c r="BO66" s="1289"/>
      <c r="BP66" s="1289"/>
      <c r="BQ66" s="1289"/>
      <c r="BR66" s="1289"/>
      <c r="BS66" s="1289"/>
      <c r="BT66" s="1289"/>
      <c r="BU66" s="1289"/>
      <c r="BV66" s="1289"/>
      <c r="BW66" s="1289"/>
      <c r="BX66" s="1289"/>
      <c r="BY66" s="1289"/>
      <c r="BZ66" s="1289"/>
      <c r="CA66" s="1289"/>
      <c r="CB66" s="1289"/>
      <c r="CC66" s="1289"/>
      <c r="CD66" s="1289"/>
      <c r="CE66" s="1289"/>
      <c r="CF66" s="1289"/>
      <c r="CG66" s="1289"/>
      <c r="CH66" s="1289"/>
      <c r="CI66" s="1289"/>
      <c r="CJ66" s="1289"/>
      <c r="CK66" s="1289"/>
      <c r="CL66" s="1289"/>
      <c r="CM66" s="1289"/>
      <c r="CN66" s="1289"/>
      <c r="CO66" s="1289"/>
      <c r="CP66" s="1289"/>
      <c r="CQ66" s="1289"/>
      <c r="CR66" s="1289"/>
      <c r="CS66" s="1289"/>
      <c r="CT66" s="1289"/>
      <c r="CU66" s="1289"/>
      <c r="CV66" s="1289"/>
      <c r="CW66" s="1289"/>
      <c r="CX66" s="1289"/>
      <c r="CY66" s="1289"/>
      <c r="CZ66" s="1289"/>
      <c r="DA66" s="1289"/>
      <c r="DB66" s="1289"/>
      <c r="DC66" s="1290"/>
    </row>
    <row r="67" spans="2:107" ht="13.2" x14ac:dyDescent="0.2">
      <c r="B67" s="376"/>
      <c r="AN67" s="1288"/>
      <c r="AO67" s="1289"/>
      <c r="AP67" s="1289"/>
      <c r="AQ67" s="1289"/>
      <c r="AR67" s="1289"/>
      <c r="AS67" s="1289"/>
      <c r="AT67" s="1289"/>
      <c r="AU67" s="1289"/>
      <c r="AV67" s="1289"/>
      <c r="AW67" s="1289"/>
      <c r="AX67" s="1289"/>
      <c r="AY67" s="1289"/>
      <c r="AZ67" s="1289"/>
      <c r="BA67" s="1289"/>
      <c r="BB67" s="1289"/>
      <c r="BC67" s="1289"/>
      <c r="BD67" s="1289"/>
      <c r="BE67" s="1289"/>
      <c r="BF67" s="1289"/>
      <c r="BG67" s="1289"/>
      <c r="BH67" s="1289"/>
      <c r="BI67" s="1289"/>
      <c r="BJ67" s="1289"/>
      <c r="BK67" s="1289"/>
      <c r="BL67" s="1289"/>
      <c r="BM67" s="1289"/>
      <c r="BN67" s="1289"/>
      <c r="BO67" s="1289"/>
      <c r="BP67" s="1289"/>
      <c r="BQ67" s="1289"/>
      <c r="BR67" s="1289"/>
      <c r="BS67" s="1289"/>
      <c r="BT67" s="1289"/>
      <c r="BU67" s="1289"/>
      <c r="BV67" s="1289"/>
      <c r="BW67" s="1289"/>
      <c r="BX67" s="1289"/>
      <c r="BY67" s="1289"/>
      <c r="BZ67" s="1289"/>
      <c r="CA67" s="1289"/>
      <c r="CB67" s="1289"/>
      <c r="CC67" s="1289"/>
      <c r="CD67" s="1289"/>
      <c r="CE67" s="1289"/>
      <c r="CF67" s="1289"/>
      <c r="CG67" s="1289"/>
      <c r="CH67" s="1289"/>
      <c r="CI67" s="1289"/>
      <c r="CJ67" s="1289"/>
      <c r="CK67" s="1289"/>
      <c r="CL67" s="1289"/>
      <c r="CM67" s="1289"/>
      <c r="CN67" s="1289"/>
      <c r="CO67" s="1289"/>
      <c r="CP67" s="1289"/>
      <c r="CQ67" s="1289"/>
      <c r="CR67" s="1289"/>
      <c r="CS67" s="1289"/>
      <c r="CT67" s="1289"/>
      <c r="CU67" s="1289"/>
      <c r="CV67" s="1289"/>
      <c r="CW67" s="1289"/>
      <c r="CX67" s="1289"/>
      <c r="CY67" s="1289"/>
      <c r="CZ67" s="1289"/>
      <c r="DA67" s="1289"/>
      <c r="DB67" s="1289"/>
      <c r="DC67" s="1290"/>
    </row>
    <row r="68" spans="2:107" ht="13.2" x14ac:dyDescent="0.2">
      <c r="B68" s="376"/>
      <c r="AN68" s="1288"/>
      <c r="AO68" s="1289"/>
      <c r="AP68" s="1289"/>
      <c r="AQ68" s="1289"/>
      <c r="AR68" s="1289"/>
      <c r="AS68" s="1289"/>
      <c r="AT68" s="1289"/>
      <c r="AU68" s="1289"/>
      <c r="AV68" s="1289"/>
      <c r="AW68" s="1289"/>
      <c r="AX68" s="1289"/>
      <c r="AY68" s="1289"/>
      <c r="AZ68" s="1289"/>
      <c r="BA68" s="1289"/>
      <c r="BB68" s="1289"/>
      <c r="BC68" s="1289"/>
      <c r="BD68" s="1289"/>
      <c r="BE68" s="1289"/>
      <c r="BF68" s="1289"/>
      <c r="BG68" s="1289"/>
      <c r="BH68" s="1289"/>
      <c r="BI68" s="1289"/>
      <c r="BJ68" s="1289"/>
      <c r="BK68" s="1289"/>
      <c r="BL68" s="1289"/>
      <c r="BM68" s="1289"/>
      <c r="BN68" s="1289"/>
      <c r="BO68" s="1289"/>
      <c r="BP68" s="1289"/>
      <c r="BQ68" s="1289"/>
      <c r="BR68" s="1289"/>
      <c r="BS68" s="1289"/>
      <c r="BT68" s="1289"/>
      <c r="BU68" s="1289"/>
      <c r="BV68" s="1289"/>
      <c r="BW68" s="1289"/>
      <c r="BX68" s="1289"/>
      <c r="BY68" s="1289"/>
      <c r="BZ68" s="1289"/>
      <c r="CA68" s="1289"/>
      <c r="CB68" s="1289"/>
      <c r="CC68" s="1289"/>
      <c r="CD68" s="1289"/>
      <c r="CE68" s="1289"/>
      <c r="CF68" s="1289"/>
      <c r="CG68" s="1289"/>
      <c r="CH68" s="1289"/>
      <c r="CI68" s="1289"/>
      <c r="CJ68" s="1289"/>
      <c r="CK68" s="1289"/>
      <c r="CL68" s="1289"/>
      <c r="CM68" s="1289"/>
      <c r="CN68" s="1289"/>
      <c r="CO68" s="1289"/>
      <c r="CP68" s="1289"/>
      <c r="CQ68" s="1289"/>
      <c r="CR68" s="1289"/>
      <c r="CS68" s="1289"/>
      <c r="CT68" s="1289"/>
      <c r="CU68" s="1289"/>
      <c r="CV68" s="1289"/>
      <c r="CW68" s="1289"/>
      <c r="CX68" s="1289"/>
      <c r="CY68" s="1289"/>
      <c r="CZ68" s="1289"/>
      <c r="DA68" s="1289"/>
      <c r="DB68" s="1289"/>
      <c r="DC68" s="1290"/>
    </row>
    <row r="69" spans="2:107" ht="13.2" x14ac:dyDescent="0.2">
      <c r="B69" s="376"/>
      <c r="AN69" s="1291"/>
      <c r="AO69" s="1292"/>
      <c r="AP69" s="1292"/>
      <c r="AQ69" s="1292"/>
      <c r="AR69" s="1292"/>
      <c r="AS69" s="1292"/>
      <c r="AT69" s="1292"/>
      <c r="AU69" s="1292"/>
      <c r="AV69" s="1292"/>
      <c r="AW69" s="1292"/>
      <c r="AX69" s="1292"/>
      <c r="AY69" s="1292"/>
      <c r="AZ69" s="1292"/>
      <c r="BA69" s="1292"/>
      <c r="BB69" s="1292"/>
      <c r="BC69" s="1292"/>
      <c r="BD69" s="1292"/>
      <c r="BE69" s="1292"/>
      <c r="BF69" s="1292"/>
      <c r="BG69" s="1292"/>
      <c r="BH69" s="1292"/>
      <c r="BI69" s="1292"/>
      <c r="BJ69" s="1292"/>
      <c r="BK69" s="1292"/>
      <c r="BL69" s="1292"/>
      <c r="BM69" s="1292"/>
      <c r="BN69" s="1292"/>
      <c r="BO69" s="1292"/>
      <c r="BP69" s="1292"/>
      <c r="BQ69" s="1292"/>
      <c r="BR69" s="1292"/>
      <c r="BS69" s="1292"/>
      <c r="BT69" s="1292"/>
      <c r="BU69" s="1292"/>
      <c r="BV69" s="1292"/>
      <c r="BW69" s="1292"/>
      <c r="BX69" s="1292"/>
      <c r="BY69" s="1292"/>
      <c r="BZ69" s="1292"/>
      <c r="CA69" s="1292"/>
      <c r="CB69" s="1292"/>
      <c r="CC69" s="1292"/>
      <c r="CD69" s="1292"/>
      <c r="CE69" s="1292"/>
      <c r="CF69" s="1292"/>
      <c r="CG69" s="1292"/>
      <c r="CH69" s="1292"/>
      <c r="CI69" s="1292"/>
      <c r="CJ69" s="1292"/>
      <c r="CK69" s="1292"/>
      <c r="CL69" s="1292"/>
      <c r="CM69" s="1292"/>
      <c r="CN69" s="1292"/>
      <c r="CO69" s="1292"/>
      <c r="CP69" s="1292"/>
      <c r="CQ69" s="1292"/>
      <c r="CR69" s="1292"/>
      <c r="CS69" s="1292"/>
      <c r="CT69" s="1292"/>
      <c r="CU69" s="1292"/>
      <c r="CV69" s="1292"/>
      <c r="CW69" s="1292"/>
      <c r="CX69" s="1292"/>
      <c r="CY69" s="1292"/>
      <c r="CZ69" s="1292"/>
      <c r="DA69" s="1292"/>
      <c r="DB69" s="1292"/>
      <c r="DC69" s="1293"/>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02</v>
      </c>
    </row>
    <row r="72" spans="2:107" ht="13.2" x14ac:dyDescent="0.2">
      <c r="B72" s="376"/>
      <c r="G72" s="1277"/>
      <c r="H72" s="1277"/>
      <c r="I72" s="1277"/>
      <c r="J72" s="1277"/>
      <c r="K72" s="386"/>
      <c r="L72" s="386"/>
      <c r="M72" s="387"/>
      <c r="N72" s="387"/>
      <c r="AN72" s="1295"/>
      <c r="AO72" s="1296"/>
      <c r="AP72" s="1296"/>
      <c r="AQ72" s="1296"/>
      <c r="AR72" s="1296"/>
      <c r="AS72" s="1296"/>
      <c r="AT72" s="1296"/>
      <c r="AU72" s="1296"/>
      <c r="AV72" s="1296"/>
      <c r="AW72" s="1296"/>
      <c r="AX72" s="1296"/>
      <c r="AY72" s="1296"/>
      <c r="AZ72" s="1296"/>
      <c r="BA72" s="1296"/>
      <c r="BB72" s="1296"/>
      <c r="BC72" s="1296"/>
      <c r="BD72" s="1296"/>
      <c r="BE72" s="1296"/>
      <c r="BF72" s="1296"/>
      <c r="BG72" s="1296"/>
      <c r="BH72" s="1296"/>
      <c r="BI72" s="1296"/>
      <c r="BJ72" s="1296"/>
      <c r="BK72" s="1296"/>
      <c r="BL72" s="1296"/>
      <c r="BM72" s="1296"/>
      <c r="BN72" s="1296"/>
      <c r="BO72" s="1297"/>
      <c r="BP72" s="1283" t="s">
        <v>561</v>
      </c>
      <c r="BQ72" s="1283"/>
      <c r="BR72" s="1283"/>
      <c r="BS72" s="1283"/>
      <c r="BT72" s="1283"/>
      <c r="BU72" s="1283"/>
      <c r="BV72" s="1283"/>
      <c r="BW72" s="1283"/>
      <c r="BX72" s="1283" t="s">
        <v>562</v>
      </c>
      <c r="BY72" s="1283"/>
      <c r="BZ72" s="1283"/>
      <c r="CA72" s="1283"/>
      <c r="CB72" s="1283"/>
      <c r="CC72" s="1283"/>
      <c r="CD72" s="1283"/>
      <c r="CE72" s="1283"/>
      <c r="CF72" s="1283" t="s">
        <v>563</v>
      </c>
      <c r="CG72" s="1283"/>
      <c r="CH72" s="1283"/>
      <c r="CI72" s="1283"/>
      <c r="CJ72" s="1283"/>
      <c r="CK72" s="1283"/>
      <c r="CL72" s="1283"/>
      <c r="CM72" s="1283"/>
      <c r="CN72" s="1283" t="s">
        <v>564</v>
      </c>
      <c r="CO72" s="1283"/>
      <c r="CP72" s="1283"/>
      <c r="CQ72" s="1283"/>
      <c r="CR72" s="1283"/>
      <c r="CS72" s="1283"/>
      <c r="CT72" s="1283"/>
      <c r="CU72" s="1283"/>
      <c r="CV72" s="1283" t="s">
        <v>565</v>
      </c>
      <c r="CW72" s="1283"/>
      <c r="CX72" s="1283"/>
      <c r="CY72" s="1283"/>
      <c r="CZ72" s="1283"/>
      <c r="DA72" s="1283"/>
      <c r="DB72" s="1283"/>
      <c r="DC72" s="1283"/>
    </row>
    <row r="73" spans="2:107" ht="13.2" x14ac:dyDescent="0.2">
      <c r="B73" s="376"/>
      <c r="G73" s="1294"/>
      <c r="H73" s="1294"/>
      <c r="I73" s="1294"/>
      <c r="J73" s="1294"/>
      <c r="K73" s="1278"/>
      <c r="L73" s="1278"/>
      <c r="M73" s="1278"/>
      <c r="N73" s="1278"/>
      <c r="AM73" s="385"/>
      <c r="AN73" s="1282" t="s">
        <v>603</v>
      </c>
      <c r="AO73" s="1282"/>
      <c r="AP73" s="1282"/>
      <c r="AQ73" s="1282"/>
      <c r="AR73" s="1282"/>
      <c r="AS73" s="1282"/>
      <c r="AT73" s="1282"/>
      <c r="AU73" s="1282"/>
      <c r="AV73" s="1282"/>
      <c r="AW73" s="1282"/>
      <c r="AX73" s="1282"/>
      <c r="AY73" s="1282"/>
      <c r="AZ73" s="1282"/>
      <c r="BA73" s="1282"/>
      <c r="BB73" s="1282" t="s">
        <v>604</v>
      </c>
      <c r="BC73" s="1282"/>
      <c r="BD73" s="1282"/>
      <c r="BE73" s="1282"/>
      <c r="BF73" s="1282"/>
      <c r="BG73" s="1282"/>
      <c r="BH73" s="1282"/>
      <c r="BI73" s="1282"/>
      <c r="BJ73" s="1282"/>
      <c r="BK73" s="1282"/>
      <c r="BL73" s="1282"/>
      <c r="BM73" s="1282"/>
      <c r="BN73" s="1282"/>
      <c r="BO73" s="1282"/>
      <c r="BP73" s="1279">
        <v>158.6</v>
      </c>
      <c r="BQ73" s="1279"/>
      <c r="BR73" s="1279"/>
      <c r="BS73" s="1279"/>
      <c r="BT73" s="1279"/>
      <c r="BU73" s="1279"/>
      <c r="BV73" s="1279"/>
      <c r="BW73" s="1279"/>
      <c r="BX73" s="1279">
        <v>153</v>
      </c>
      <c r="BY73" s="1279"/>
      <c r="BZ73" s="1279"/>
      <c r="CA73" s="1279"/>
      <c r="CB73" s="1279"/>
      <c r="CC73" s="1279"/>
      <c r="CD73" s="1279"/>
      <c r="CE73" s="1279"/>
      <c r="CF73" s="1279">
        <v>152.19999999999999</v>
      </c>
      <c r="CG73" s="1279"/>
      <c r="CH73" s="1279"/>
      <c r="CI73" s="1279"/>
      <c r="CJ73" s="1279"/>
      <c r="CK73" s="1279"/>
      <c r="CL73" s="1279"/>
      <c r="CM73" s="1279"/>
      <c r="CN73" s="1279">
        <v>140.1</v>
      </c>
      <c r="CO73" s="1279"/>
      <c r="CP73" s="1279"/>
      <c r="CQ73" s="1279"/>
      <c r="CR73" s="1279"/>
      <c r="CS73" s="1279"/>
      <c r="CT73" s="1279"/>
      <c r="CU73" s="1279"/>
      <c r="CV73" s="1279">
        <v>106</v>
      </c>
      <c r="CW73" s="1279"/>
      <c r="CX73" s="1279"/>
      <c r="CY73" s="1279"/>
      <c r="CZ73" s="1279"/>
      <c r="DA73" s="1279"/>
      <c r="DB73" s="1279"/>
      <c r="DC73" s="1279"/>
    </row>
    <row r="74" spans="2:107" ht="13.2" x14ac:dyDescent="0.2">
      <c r="B74" s="376"/>
      <c r="G74" s="1294"/>
      <c r="H74" s="1294"/>
      <c r="I74" s="1294"/>
      <c r="J74" s="1294"/>
      <c r="K74" s="1278"/>
      <c r="L74" s="1278"/>
      <c r="M74" s="1278"/>
      <c r="N74" s="1278"/>
      <c r="AM74" s="385"/>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79"/>
      <c r="BQ74" s="1279"/>
      <c r="BR74" s="1279"/>
      <c r="BS74" s="1279"/>
      <c r="BT74" s="1279"/>
      <c r="BU74" s="1279"/>
      <c r="BV74" s="1279"/>
      <c r="BW74" s="1279"/>
      <c r="BX74" s="1279"/>
      <c r="BY74" s="1279"/>
      <c r="BZ74" s="1279"/>
      <c r="CA74" s="1279"/>
      <c r="CB74" s="1279"/>
      <c r="CC74" s="1279"/>
      <c r="CD74" s="1279"/>
      <c r="CE74" s="1279"/>
      <c r="CF74" s="1279"/>
      <c r="CG74" s="1279"/>
      <c r="CH74" s="1279"/>
      <c r="CI74" s="1279"/>
      <c r="CJ74" s="1279"/>
      <c r="CK74" s="1279"/>
      <c r="CL74" s="1279"/>
      <c r="CM74" s="1279"/>
      <c r="CN74" s="1279"/>
      <c r="CO74" s="1279"/>
      <c r="CP74" s="1279"/>
      <c r="CQ74" s="1279"/>
      <c r="CR74" s="1279"/>
      <c r="CS74" s="1279"/>
      <c r="CT74" s="1279"/>
      <c r="CU74" s="1279"/>
      <c r="CV74" s="1279"/>
      <c r="CW74" s="1279"/>
      <c r="CX74" s="1279"/>
      <c r="CY74" s="1279"/>
      <c r="CZ74" s="1279"/>
      <c r="DA74" s="1279"/>
      <c r="DB74" s="1279"/>
      <c r="DC74" s="1279"/>
    </row>
    <row r="75" spans="2:107" ht="13.2" x14ac:dyDescent="0.2">
      <c r="B75" s="376"/>
      <c r="G75" s="1294"/>
      <c r="H75" s="1294"/>
      <c r="I75" s="1277"/>
      <c r="J75" s="1277"/>
      <c r="K75" s="1284"/>
      <c r="L75" s="1284"/>
      <c r="M75" s="1284"/>
      <c r="N75" s="1284"/>
      <c r="AM75" s="385"/>
      <c r="AN75" s="1282"/>
      <c r="AO75" s="1282"/>
      <c r="AP75" s="1282"/>
      <c r="AQ75" s="1282"/>
      <c r="AR75" s="1282"/>
      <c r="AS75" s="1282"/>
      <c r="AT75" s="1282"/>
      <c r="AU75" s="1282"/>
      <c r="AV75" s="1282"/>
      <c r="AW75" s="1282"/>
      <c r="AX75" s="1282"/>
      <c r="AY75" s="1282"/>
      <c r="AZ75" s="1282"/>
      <c r="BA75" s="1282"/>
      <c r="BB75" s="1282" t="s">
        <v>608</v>
      </c>
      <c r="BC75" s="1282"/>
      <c r="BD75" s="1282"/>
      <c r="BE75" s="1282"/>
      <c r="BF75" s="1282"/>
      <c r="BG75" s="1282"/>
      <c r="BH75" s="1282"/>
      <c r="BI75" s="1282"/>
      <c r="BJ75" s="1282"/>
      <c r="BK75" s="1282"/>
      <c r="BL75" s="1282"/>
      <c r="BM75" s="1282"/>
      <c r="BN75" s="1282"/>
      <c r="BO75" s="1282"/>
      <c r="BP75" s="1279">
        <v>8.4</v>
      </c>
      <c r="BQ75" s="1279"/>
      <c r="BR75" s="1279"/>
      <c r="BS75" s="1279"/>
      <c r="BT75" s="1279"/>
      <c r="BU75" s="1279"/>
      <c r="BV75" s="1279"/>
      <c r="BW75" s="1279"/>
      <c r="BX75" s="1279">
        <v>9.6999999999999993</v>
      </c>
      <c r="BY75" s="1279"/>
      <c r="BZ75" s="1279"/>
      <c r="CA75" s="1279"/>
      <c r="CB75" s="1279"/>
      <c r="CC75" s="1279"/>
      <c r="CD75" s="1279"/>
      <c r="CE75" s="1279"/>
      <c r="CF75" s="1279">
        <v>11.1</v>
      </c>
      <c r="CG75" s="1279"/>
      <c r="CH75" s="1279"/>
      <c r="CI75" s="1279"/>
      <c r="CJ75" s="1279"/>
      <c r="CK75" s="1279"/>
      <c r="CL75" s="1279"/>
      <c r="CM75" s="1279"/>
      <c r="CN75" s="1279">
        <v>11.9</v>
      </c>
      <c r="CO75" s="1279"/>
      <c r="CP75" s="1279"/>
      <c r="CQ75" s="1279"/>
      <c r="CR75" s="1279"/>
      <c r="CS75" s="1279"/>
      <c r="CT75" s="1279"/>
      <c r="CU75" s="1279"/>
      <c r="CV75" s="1279">
        <v>12</v>
      </c>
      <c r="CW75" s="1279"/>
      <c r="CX75" s="1279"/>
      <c r="CY75" s="1279"/>
      <c r="CZ75" s="1279"/>
      <c r="DA75" s="1279"/>
      <c r="DB75" s="1279"/>
      <c r="DC75" s="1279"/>
    </row>
    <row r="76" spans="2:107" ht="13.2" x14ac:dyDescent="0.2">
      <c r="B76" s="376"/>
      <c r="G76" s="1294"/>
      <c r="H76" s="1294"/>
      <c r="I76" s="1277"/>
      <c r="J76" s="1277"/>
      <c r="K76" s="1284"/>
      <c r="L76" s="1284"/>
      <c r="M76" s="1284"/>
      <c r="N76" s="1284"/>
      <c r="AM76" s="385"/>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79"/>
      <c r="BQ76" s="1279"/>
      <c r="BR76" s="1279"/>
      <c r="BS76" s="1279"/>
      <c r="BT76" s="1279"/>
      <c r="BU76" s="1279"/>
      <c r="BV76" s="1279"/>
      <c r="BW76" s="1279"/>
      <c r="BX76" s="1279"/>
      <c r="BY76" s="1279"/>
      <c r="BZ76" s="1279"/>
      <c r="CA76" s="1279"/>
      <c r="CB76" s="1279"/>
      <c r="CC76" s="1279"/>
      <c r="CD76" s="1279"/>
      <c r="CE76" s="1279"/>
      <c r="CF76" s="1279"/>
      <c r="CG76" s="1279"/>
      <c r="CH76" s="1279"/>
      <c r="CI76" s="1279"/>
      <c r="CJ76" s="1279"/>
      <c r="CK76" s="1279"/>
      <c r="CL76" s="1279"/>
      <c r="CM76" s="1279"/>
      <c r="CN76" s="1279"/>
      <c r="CO76" s="1279"/>
      <c r="CP76" s="1279"/>
      <c r="CQ76" s="1279"/>
      <c r="CR76" s="1279"/>
      <c r="CS76" s="1279"/>
      <c r="CT76" s="1279"/>
      <c r="CU76" s="1279"/>
      <c r="CV76" s="1279"/>
      <c r="CW76" s="1279"/>
      <c r="CX76" s="1279"/>
      <c r="CY76" s="1279"/>
      <c r="CZ76" s="1279"/>
      <c r="DA76" s="1279"/>
      <c r="DB76" s="1279"/>
      <c r="DC76" s="1279"/>
    </row>
    <row r="77" spans="2:107" ht="13.2" x14ac:dyDescent="0.2">
      <c r="B77" s="376"/>
      <c r="G77" s="1277"/>
      <c r="H77" s="1277"/>
      <c r="I77" s="1277"/>
      <c r="J77" s="1277"/>
      <c r="K77" s="1278"/>
      <c r="L77" s="1278"/>
      <c r="M77" s="1278"/>
      <c r="N77" s="1278"/>
      <c r="AN77" s="1283" t="s">
        <v>606</v>
      </c>
      <c r="AO77" s="1283"/>
      <c r="AP77" s="1283"/>
      <c r="AQ77" s="1283"/>
      <c r="AR77" s="1283"/>
      <c r="AS77" s="1283"/>
      <c r="AT77" s="1283"/>
      <c r="AU77" s="1283"/>
      <c r="AV77" s="1283"/>
      <c r="AW77" s="1283"/>
      <c r="AX77" s="1283"/>
      <c r="AY77" s="1283"/>
      <c r="AZ77" s="1283"/>
      <c r="BA77" s="1283"/>
      <c r="BB77" s="1282" t="s">
        <v>604</v>
      </c>
      <c r="BC77" s="1282"/>
      <c r="BD77" s="1282"/>
      <c r="BE77" s="1282"/>
      <c r="BF77" s="1282"/>
      <c r="BG77" s="1282"/>
      <c r="BH77" s="1282"/>
      <c r="BI77" s="1282"/>
      <c r="BJ77" s="1282"/>
      <c r="BK77" s="1282"/>
      <c r="BL77" s="1282"/>
      <c r="BM77" s="1282"/>
      <c r="BN77" s="1282"/>
      <c r="BO77" s="1282"/>
      <c r="BP77" s="1279">
        <v>23.4</v>
      </c>
      <c r="BQ77" s="1279"/>
      <c r="BR77" s="1279"/>
      <c r="BS77" s="1279"/>
      <c r="BT77" s="1279"/>
      <c r="BU77" s="1279"/>
      <c r="BV77" s="1279"/>
      <c r="BW77" s="1279"/>
      <c r="BX77" s="1279">
        <v>7.6</v>
      </c>
      <c r="BY77" s="1279"/>
      <c r="BZ77" s="1279"/>
      <c r="CA77" s="1279"/>
      <c r="CB77" s="1279"/>
      <c r="CC77" s="1279"/>
      <c r="CD77" s="1279"/>
      <c r="CE77" s="1279"/>
      <c r="CF77" s="1279">
        <v>3</v>
      </c>
      <c r="CG77" s="1279"/>
      <c r="CH77" s="1279"/>
      <c r="CI77" s="1279"/>
      <c r="CJ77" s="1279"/>
      <c r="CK77" s="1279"/>
      <c r="CL77" s="1279"/>
      <c r="CM77" s="1279"/>
      <c r="CN77" s="1279">
        <v>3.4</v>
      </c>
      <c r="CO77" s="1279"/>
      <c r="CP77" s="1279"/>
      <c r="CQ77" s="1279"/>
      <c r="CR77" s="1279"/>
      <c r="CS77" s="1279"/>
      <c r="CT77" s="1279"/>
      <c r="CU77" s="1279"/>
      <c r="CV77" s="1279">
        <v>0</v>
      </c>
      <c r="CW77" s="1279"/>
      <c r="CX77" s="1279"/>
      <c r="CY77" s="1279"/>
      <c r="CZ77" s="1279"/>
      <c r="DA77" s="1279"/>
      <c r="DB77" s="1279"/>
      <c r="DC77" s="1279"/>
    </row>
    <row r="78" spans="2:107" ht="13.2" x14ac:dyDescent="0.2">
      <c r="B78" s="376"/>
      <c r="G78" s="1277"/>
      <c r="H78" s="1277"/>
      <c r="I78" s="1277"/>
      <c r="J78" s="1277"/>
      <c r="K78" s="1278"/>
      <c r="L78" s="1278"/>
      <c r="M78" s="1278"/>
      <c r="N78" s="1278"/>
      <c r="AN78" s="1283"/>
      <c r="AO78" s="1283"/>
      <c r="AP78" s="1283"/>
      <c r="AQ78" s="1283"/>
      <c r="AR78" s="1283"/>
      <c r="AS78" s="1283"/>
      <c r="AT78" s="1283"/>
      <c r="AU78" s="1283"/>
      <c r="AV78" s="1283"/>
      <c r="AW78" s="1283"/>
      <c r="AX78" s="1283"/>
      <c r="AY78" s="1283"/>
      <c r="AZ78" s="1283"/>
      <c r="BA78" s="1283"/>
      <c r="BB78" s="1282"/>
      <c r="BC78" s="1282"/>
      <c r="BD78" s="1282"/>
      <c r="BE78" s="1282"/>
      <c r="BF78" s="1282"/>
      <c r="BG78" s="1282"/>
      <c r="BH78" s="1282"/>
      <c r="BI78" s="1282"/>
      <c r="BJ78" s="1282"/>
      <c r="BK78" s="1282"/>
      <c r="BL78" s="1282"/>
      <c r="BM78" s="1282"/>
      <c r="BN78" s="1282"/>
      <c r="BO78" s="1282"/>
      <c r="BP78" s="1279"/>
      <c r="BQ78" s="1279"/>
      <c r="BR78" s="1279"/>
      <c r="BS78" s="1279"/>
      <c r="BT78" s="1279"/>
      <c r="BU78" s="1279"/>
      <c r="BV78" s="1279"/>
      <c r="BW78" s="1279"/>
      <c r="BX78" s="1279"/>
      <c r="BY78" s="1279"/>
      <c r="BZ78" s="1279"/>
      <c r="CA78" s="1279"/>
      <c r="CB78" s="1279"/>
      <c r="CC78" s="1279"/>
      <c r="CD78" s="1279"/>
      <c r="CE78" s="1279"/>
      <c r="CF78" s="1279"/>
      <c r="CG78" s="1279"/>
      <c r="CH78" s="1279"/>
      <c r="CI78" s="1279"/>
      <c r="CJ78" s="1279"/>
      <c r="CK78" s="1279"/>
      <c r="CL78" s="1279"/>
      <c r="CM78" s="1279"/>
      <c r="CN78" s="1279"/>
      <c r="CO78" s="1279"/>
      <c r="CP78" s="1279"/>
      <c r="CQ78" s="1279"/>
      <c r="CR78" s="1279"/>
      <c r="CS78" s="1279"/>
      <c r="CT78" s="1279"/>
      <c r="CU78" s="1279"/>
      <c r="CV78" s="1279"/>
      <c r="CW78" s="1279"/>
      <c r="CX78" s="1279"/>
      <c r="CY78" s="1279"/>
      <c r="CZ78" s="1279"/>
      <c r="DA78" s="1279"/>
      <c r="DB78" s="1279"/>
      <c r="DC78" s="1279"/>
    </row>
    <row r="79" spans="2:107" ht="13.2" x14ac:dyDescent="0.2">
      <c r="B79" s="376"/>
      <c r="G79" s="1277"/>
      <c r="H79" s="1277"/>
      <c r="I79" s="1280"/>
      <c r="J79" s="1280"/>
      <c r="K79" s="1281"/>
      <c r="L79" s="1281"/>
      <c r="M79" s="1281"/>
      <c r="N79" s="1281"/>
      <c r="AN79" s="1283"/>
      <c r="AO79" s="1283"/>
      <c r="AP79" s="1283"/>
      <c r="AQ79" s="1283"/>
      <c r="AR79" s="1283"/>
      <c r="AS79" s="1283"/>
      <c r="AT79" s="1283"/>
      <c r="AU79" s="1283"/>
      <c r="AV79" s="1283"/>
      <c r="AW79" s="1283"/>
      <c r="AX79" s="1283"/>
      <c r="AY79" s="1283"/>
      <c r="AZ79" s="1283"/>
      <c r="BA79" s="1283"/>
      <c r="BB79" s="1282" t="s">
        <v>608</v>
      </c>
      <c r="BC79" s="1282"/>
      <c r="BD79" s="1282"/>
      <c r="BE79" s="1282"/>
      <c r="BF79" s="1282"/>
      <c r="BG79" s="1282"/>
      <c r="BH79" s="1282"/>
      <c r="BI79" s="1282"/>
      <c r="BJ79" s="1282"/>
      <c r="BK79" s="1282"/>
      <c r="BL79" s="1282"/>
      <c r="BM79" s="1282"/>
      <c r="BN79" s="1282"/>
      <c r="BO79" s="1282"/>
      <c r="BP79" s="1279">
        <v>8.5</v>
      </c>
      <c r="BQ79" s="1279"/>
      <c r="BR79" s="1279"/>
      <c r="BS79" s="1279"/>
      <c r="BT79" s="1279"/>
      <c r="BU79" s="1279"/>
      <c r="BV79" s="1279"/>
      <c r="BW79" s="1279"/>
      <c r="BX79" s="1279">
        <v>8.6</v>
      </c>
      <c r="BY79" s="1279"/>
      <c r="BZ79" s="1279"/>
      <c r="CA79" s="1279"/>
      <c r="CB79" s="1279"/>
      <c r="CC79" s="1279"/>
      <c r="CD79" s="1279"/>
      <c r="CE79" s="1279"/>
      <c r="CF79" s="1279">
        <v>8.8000000000000007</v>
      </c>
      <c r="CG79" s="1279"/>
      <c r="CH79" s="1279"/>
      <c r="CI79" s="1279"/>
      <c r="CJ79" s="1279"/>
      <c r="CK79" s="1279"/>
      <c r="CL79" s="1279"/>
      <c r="CM79" s="1279"/>
      <c r="CN79" s="1279">
        <v>8.8000000000000007</v>
      </c>
      <c r="CO79" s="1279"/>
      <c r="CP79" s="1279"/>
      <c r="CQ79" s="1279"/>
      <c r="CR79" s="1279"/>
      <c r="CS79" s="1279"/>
      <c r="CT79" s="1279"/>
      <c r="CU79" s="1279"/>
      <c r="CV79" s="1279">
        <v>8.3000000000000007</v>
      </c>
      <c r="CW79" s="1279"/>
      <c r="CX79" s="1279"/>
      <c r="CY79" s="1279"/>
      <c r="CZ79" s="1279"/>
      <c r="DA79" s="1279"/>
      <c r="DB79" s="1279"/>
      <c r="DC79" s="1279"/>
    </row>
    <row r="80" spans="2:107" ht="13.2" x14ac:dyDescent="0.2">
      <c r="B80" s="376"/>
      <c r="G80" s="1277"/>
      <c r="H80" s="1277"/>
      <c r="I80" s="1280"/>
      <c r="J80" s="1280"/>
      <c r="K80" s="1281"/>
      <c r="L80" s="1281"/>
      <c r="M80" s="1281"/>
      <c r="N80" s="1281"/>
      <c r="AN80" s="1283"/>
      <c r="AO80" s="1283"/>
      <c r="AP80" s="1283"/>
      <c r="AQ80" s="1283"/>
      <c r="AR80" s="1283"/>
      <c r="AS80" s="1283"/>
      <c r="AT80" s="1283"/>
      <c r="AU80" s="1283"/>
      <c r="AV80" s="1283"/>
      <c r="AW80" s="1283"/>
      <c r="AX80" s="1283"/>
      <c r="AY80" s="1283"/>
      <c r="AZ80" s="1283"/>
      <c r="BA80" s="1283"/>
      <c r="BB80" s="1282"/>
      <c r="BC80" s="1282"/>
      <c r="BD80" s="1282"/>
      <c r="BE80" s="1282"/>
      <c r="BF80" s="1282"/>
      <c r="BG80" s="1282"/>
      <c r="BH80" s="1282"/>
      <c r="BI80" s="1282"/>
      <c r="BJ80" s="1282"/>
      <c r="BK80" s="1282"/>
      <c r="BL80" s="1282"/>
      <c r="BM80" s="1282"/>
      <c r="BN80" s="1282"/>
      <c r="BO80" s="1282"/>
      <c r="BP80" s="1279"/>
      <c r="BQ80" s="1279"/>
      <c r="BR80" s="1279"/>
      <c r="BS80" s="1279"/>
      <c r="BT80" s="1279"/>
      <c r="BU80" s="1279"/>
      <c r="BV80" s="1279"/>
      <c r="BW80" s="1279"/>
      <c r="BX80" s="1279"/>
      <c r="BY80" s="1279"/>
      <c r="BZ80" s="1279"/>
      <c r="CA80" s="1279"/>
      <c r="CB80" s="1279"/>
      <c r="CC80" s="1279"/>
      <c r="CD80" s="1279"/>
      <c r="CE80" s="1279"/>
      <c r="CF80" s="1279"/>
      <c r="CG80" s="1279"/>
      <c r="CH80" s="1279"/>
      <c r="CI80" s="1279"/>
      <c r="CJ80" s="1279"/>
      <c r="CK80" s="1279"/>
      <c r="CL80" s="1279"/>
      <c r="CM80" s="1279"/>
      <c r="CN80" s="1279"/>
      <c r="CO80" s="1279"/>
      <c r="CP80" s="1279"/>
      <c r="CQ80" s="1279"/>
      <c r="CR80" s="1279"/>
      <c r="CS80" s="1279"/>
      <c r="CT80" s="1279"/>
      <c r="CU80" s="1279"/>
      <c r="CV80" s="1279"/>
      <c r="CW80" s="1279"/>
      <c r="CX80" s="1279"/>
      <c r="CY80" s="1279"/>
      <c r="CZ80" s="1279"/>
      <c r="DA80" s="1279"/>
      <c r="DB80" s="1279"/>
      <c r="DC80" s="1279"/>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ageMargins left="0.7" right="0.7" top="0.75" bottom="0.75" header="0.3" footer="0.3"/>
  <pageSetup paperSize="9" scale="44" orientation="landscape" r:id="rId1"/>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zoomScaleNormal="10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8</v>
      </c>
    </row>
  </sheetData>
  <phoneticPr fontId="2"/>
  <printOptions horizontalCentered="1" verticalCentered="1"/>
  <pageMargins left="0" right="0" top="0.19685039370078741" bottom="0" header="0.39370078740157483" footer="0"/>
  <pageSetup paperSize="9" scale="35" orientation="landscape"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zoomScaleNormal="10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8</v>
      </c>
    </row>
  </sheetData>
  <phoneticPr fontId="2"/>
  <printOptions horizontalCentered="1" verticalCentered="1"/>
  <pageMargins left="0" right="0" top="0.19685039370078741" bottom="0" header="0.39370078740157483" footer="0"/>
  <pageSetup paperSize="9" scale="35" orientation="landscape" r:id="rId1"/>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58</v>
      </c>
      <c r="G2" s="148"/>
      <c r="H2" s="149"/>
    </row>
    <row r="3" spans="1:8" x14ac:dyDescent="0.2">
      <c r="A3" s="145" t="s">
        <v>551</v>
      </c>
      <c r="B3" s="150"/>
      <c r="C3" s="151"/>
      <c r="D3" s="152">
        <v>11893</v>
      </c>
      <c r="E3" s="153"/>
      <c r="F3" s="154">
        <v>116162</v>
      </c>
      <c r="G3" s="155"/>
      <c r="H3" s="156"/>
    </row>
    <row r="4" spans="1:8" x14ac:dyDescent="0.2">
      <c r="A4" s="157"/>
      <c r="B4" s="158"/>
      <c r="C4" s="159"/>
      <c r="D4" s="160">
        <v>6472</v>
      </c>
      <c r="E4" s="161"/>
      <c r="F4" s="162">
        <v>61562</v>
      </c>
      <c r="G4" s="163"/>
      <c r="H4" s="164"/>
    </row>
    <row r="5" spans="1:8" x14ac:dyDescent="0.2">
      <c r="A5" s="145" t="s">
        <v>553</v>
      </c>
      <c r="B5" s="150"/>
      <c r="C5" s="151"/>
      <c r="D5" s="152">
        <v>21043</v>
      </c>
      <c r="E5" s="153"/>
      <c r="F5" s="154">
        <v>121449</v>
      </c>
      <c r="G5" s="155"/>
      <c r="H5" s="156"/>
    </row>
    <row r="6" spans="1:8" x14ac:dyDescent="0.2">
      <c r="A6" s="157"/>
      <c r="B6" s="158"/>
      <c r="C6" s="159"/>
      <c r="D6" s="160">
        <v>17212</v>
      </c>
      <c r="E6" s="161"/>
      <c r="F6" s="162">
        <v>62922</v>
      </c>
      <c r="G6" s="163"/>
      <c r="H6" s="164"/>
    </row>
    <row r="7" spans="1:8" x14ac:dyDescent="0.2">
      <c r="A7" s="145" t="s">
        <v>554</v>
      </c>
      <c r="B7" s="150"/>
      <c r="C7" s="151"/>
      <c r="D7" s="152">
        <v>97977</v>
      </c>
      <c r="E7" s="153"/>
      <c r="F7" s="154">
        <v>145139</v>
      </c>
      <c r="G7" s="155"/>
      <c r="H7" s="156"/>
    </row>
    <row r="8" spans="1:8" x14ac:dyDescent="0.2">
      <c r="A8" s="157"/>
      <c r="B8" s="158"/>
      <c r="C8" s="159"/>
      <c r="D8" s="160">
        <v>92151</v>
      </c>
      <c r="E8" s="161"/>
      <c r="F8" s="162">
        <v>83762</v>
      </c>
      <c r="G8" s="163"/>
      <c r="H8" s="164"/>
    </row>
    <row r="9" spans="1:8" x14ac:dyDescent="0.2">
      <c r="A9" s="145" t="s">
        <v>555</v>
      </c>
      <c r="B9" s="150"/>
      <c r="C9" s="151"/>
      <c r="D9" s="152">
        <v>59693</v>
      </c>
      <c r="E9" s="153"/>
      <c r="F9" s="154">
        <v>125391</v>
      </c>
      <c r="G9" s="155"/>
      <c r="H9" s="156"/>
    </row>
    <row r="10" spans="1:8" x14ac:dyDescent="0.2">
      <c r="A10" s="157"/>
      <c r="B10" s="158"/>
      <c r="C10" s="159"/>
      <c r="D10" s="160">
        <v>50475</v>
      </c>
      <c r="E10" s="161"/>
      <c r="F10" s="162">
        <v>68516</v>
      </c>
      <c r="G10" s="163"/>
      <c r="H10" s="164"/>
    </row>
    <row r="11" spans="1:8" x14ac:dyDescent="0.2">
      <c r="A11" s="145" t="s">
        <v>556</v>
      </c>
      <c r="B11" s="150"/>
      <c r="C11" s="151"/>
      <c r="D11" s="152">
        <v>22515</v>
      </c>
      <c r="E11" s="153"/>
      <c r="F11" s="154">
        <v>138402</v>
      </c>
      <c r="G11" s="155"/>
      <c r="H11" s="156"/>
    </row>
    <row r="12" spans="1:8" x14ac:dyDescent="0.2">
      <c r="A12" s="157"/>
      <c r="B12" s="158"/>
      <c r="C12" s="165"/>
      <c r="D12" s="160">
        <v>17580</v>
      </c>
      <c r="E12" s="161"/>
      <c r="F12" s="162">
        <v>70652</v>
      </c>
      <c r="G12" s="163"/>
      <c r="H12" s="164"/>
    </row>
    <row r="13" spans="1:8" x14ac:dyDescent="0.2">
      <c r="A13" s="145"/>
      <c r="B13" s="150"/>
      <c r="C13" s="166"/>
      <c r="D13" s="167">
        <v>42624</v>
      </c>
      <c r="E13" s="168"/>
      <c r="F13" s="169">
        <v>129309</v>
      </c>
      <c r="G13" s="170"/>
      <c r="H13" s="156"/>
    </row>
    <row r="14" spans="1:8" x14ac:dyDescent="0.2">
      <c r="A14" s="157"/>
      <c r="B14" s="158"/>
      <c r="C14" s="159"/>
      <c r="D14" s="160">
        <v>36778</v>
      </c>
      <c r="E14" s="161"/>
      <c r="F14" s="162">
        <v>69483</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13.28</v>
      </c>
      <c r="C19" s="171">
        <f>ROUND(VALUE(SUBSTITUTE(実質収支比率等に係る経年分析!G$48,"▲","-")),2)</f>
        <v>10.24</v>
      </c>
      <c r="D19" s="171">
        <f>ROUND(VALUE(SUBSTITUTE(実質収支比率等に係る経年分析!H$48,"▲","-")),2)</f>
        <v>8.06</v>
      </c>
      <c r="E19" s="171">
        <f>ROUND(VALUE(SUBSTITUTE(実質収支比率等に係る経年分析!I$48,"▲","-")),2)</f>
        <v>6.75</v>
      </c>
      <c r="F19" s="171">
        <f>ROUND(VALUE(SUBSTITUTE(実質収支比率等に係る経年分析!J$48,"▲","-")),2)</f>
        <v>13.59</v>
      </c>
    </row>
    <row r="20" spans="1:11" x14ac:dyDescent="0.2">
      <c r="A20" s="171" t="s">
        <v>55</v>
      </c>
      <c r="B20" s="171">
        <f>ROUND(VALUE(SUBSTITUTE(実質収支比率等に係る経年分析!F$47,"▲","-")),2)</f>
        <v>15.12</v>
      </c>
      <c r="C20" s="171">
        <f>ROUND(VALUE(SUBSTITUTE(実質収支比率等に係る経年分析!G$47,"▲","-")),2)</f>
        <v>16.57</v>
      </c>
      <c r="D20" s="171">
        <f>ROUND(VALUE(SUBSTITUTE(実質収支比率等に係る経年分析!H$47,"▲","-")),2)</f>
        <v>13.51</v>
      </c>
      <c r="E20" s="171">
        <f>ROUND(VALUE(SUBSTITUTE(実質収支比率等に係る経年分析!I$47,"▲","-")),2)</f>
        <v>11.36</v>
      </c>
      <c r="F20" s="171">
        <f>ROUND(VALUE(SUBSTITUTE(実質収支比率等に係る経年分析!J$47,"▲","-")),2)</f>
        <v>13.39</v>
      </c>
    </row>
    <row r="21" spans="1:11" x14ac:dyDescent="0.2">
      <c r="A21" s="171" t="s">
        <v>56</v>
      </c>
      <c r="B21" s="171">
        <f>IF(ISNUMBER(VALUE(SUBSTITUTE(実質収支比率等に係る経年分析!F$49,"▲","-"))),ROUND(VALUE(SUBSTITUTE(実質収支比率等に係る経年分析!F$49,"▲","-")),2),NA())</f>
        <v>1.89</v>
      </c>
      <c r="C21" s="171">
        <f>IF(ISNUMBER(VALUE(SUBSTITUTE(実質収支比率等に係る経年分析!G$49,"▲","-"))),ROUND(VALUE(SUBSTITUTE(実質収支比率等に係る経年分析!G$49,"▲","-")),2),NA())</f>
        <v>-1.65</v>
      </c>
      <c r="D21" s="171">
        <f>IF(ISNUMBER(VALUE(SUBSTITUTE(実質収支比率等に係る経年分析!H$49,"▲","-"))),ROUND(VALUE(SUBSTITUTE(実質収支比率等に係る経年分析!H$49,"▲","-")),2),NA())</f>
        <v>-4.8</v>
      </c>
      <c r="E21" s="171">
        <f>IF(ISNUMBER(VALUE(SUBSTITUTE(実質収支比率等に係る経年分析!I$49,"▲","-"))),ROUND(VALUE(SUBSTITUTE(実質収支比率等に係る経年分析!I$49,"▲","-")),2),NA())</f>
        <v>-2.13</v>
      </c>
      <c r="F21" s="171">
        <f>IF(ISNUMBER(VALUE(SUBSTITUTE(実質収支比率等に係る経年分析!J$49,"▲","-"))),ROUND(VALUE(SUBSTITUTE(実質収支比率等に係る経年分析!J$49,"▲","-")),2),NA())</f>
        <v>10.41</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02</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06</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0.09</v>
      </c>
      <c r="H27" s="172" t="e">
        <f>IF(ROUND(VALUE(SUBSTITUTE(連結実質赤字比率に係る赤字・黒字の構成分析!I$43,"▲", "-")), 2) &lt; 0, ABS(ROUND(VALUE(SUBSTITUTE(連結実質赤字比率に係る赤字・黒字の構成分析!I$43,"▲", "-")), 2)), NA())</f>
        <v>#N/A</v>
      </c>
      <c r="I27" s="172">
        <f>IF(ROUND(VALUE(SUBSTITUTE(連結実質赤字比率に係る赤字・黒字の構成分析!I$43,"▲", "-")), 2) &gt;= 0, ABS(ROUND(VALUE(SUBSTITUTE(連結実質赤字比率に係る赤字・黒字の構成分析!I$43,"▲", "-")), 2)), NA())</f>
        <v>0.05</v>
      </c>
      <c r="J27" s="172" t="e">
        <f>IF(ROUND(VALUE(SUBSTITUTE(連結実質赤字比率に係る赤字・黒字の構成分析!J$43,"▲", "-")), 2) &lt; 0, ABS(ROUND(VALUE(SUBSTITUTE(連結実質赤字比率に係る赤字・黒字の構成分析!J$43,"▲", "-")), 2)), NA())</f>
        <v>#N/A</v>
      </c>
      <c r="K27" s="172">
        <f>IF(ROUND(VALUE(SUBSTITUTE(連結実質赤字比率に係る赤字・黒字の構成分析!J$43,"▲", "-")), 2) &gt;= 0, ABS(ROUND(VALUE(SUBSTITUTE(連結実質赤字比率に係る赤字・黒字の構成分析!J$43,"▲", "-")), 2)), NA())</f>
        <v>0.02</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介護保険事業特別会計（介護サービス事業勘定）</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11</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06</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05</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02</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7.0000000000000007E-2</v>
      </c>
    </row>
    <row r="30" spans="1:11" x14ac:dyDescent="0.2">
      <c r="A30" s="172" t="str">
        <f>IF(連結実質赤字比率に係る赤字・黒字の構成分析!C$40="",NA(),連結実質赤字比率に係る赤字・黒字の構成分析!C$40)</f>
        <v>下水道事業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1</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08</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16</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12</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09</v>
      </c>
    </row>
    <row r="31" spans="1:11" x14ac:dyDescent="0.2">
      <c r="A31" s="172" t="str">
        <f>IF(連結実質赤字比率に係る赤字・黒字の構成分析!C$39="",NA(),連結実質赤字比率に係る赤字・黒字の構成分析!C$39)</f>
        <v>後期高齢者医療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03</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05</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28999999999999998</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7.0000000000000007E-2</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13</v>
      </c>
    </row>
    <row r="32" spans="1:11" x14ac:dyDescent="0.2">
      <c r="A32" s="172" t="str">
        <f>IF(連結実質赤字比率に係る赤字・黒字の構成分析!C$38="",NA(),連結実質赤字比率に係る赤字・黒字の構成分析!C$38)</f>
        <v>真鶴魚座・ケープ真鶴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23</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26</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02</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12</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22</v>
      </c>
    </row>
    <row r="33" spans="1:16" x14ac:dyDescent="0.2">
      <c r="A33" s="172" t="str">
        <f>IF(連結実質赤字比率に係る赤字・黒字の構成分析!C$37="",NA(),連結実質赤字比率に係る赤字・黒字の構成分析!C$37)</f>
        <v>水道事業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1200000000000001</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18</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85</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66</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31</v>
      </c>
    </row>
    <row r="34" spans="1:16" x14ac:dyDescent="0.2">
      <c r="A34" s="172" t="str">
        <f>IF(連結実質赤字比率に係る赤字・黒字の構成分析!C$36="",NA(),連結実質赤字比率に係る赤字・黒字の構成分析!C$36)</f>
        <v>介護保険事業特別会計（保険事業勘定）</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1.41</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3.08</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1.94</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2.56</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96</v>
      </c>
    </row>
    <row r="35" spans="1:16" x14ac:dyDescent="0.2">
      <c r="A35" s="172" t="str">
        <f>IF(連結実質赤字比率に係る赤字・黒字の構成分析!C$35="",NA(),連結実質赤字比率に係る赤字・黒字の構成分析!C$35)</f>
        <v>国民健康保険事業特別会計（事業勘定）</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6.44</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3.66</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2.2000000000000002</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2.96</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2.38</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13.03</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9.9700000000000006</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8.0399999999999991</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6.61</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3.36</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242</v>
      </c>
      <c r="E42" s="173"/>
      <c r="F42" s="173"/>
      <c r="G42" s="173">
        <f>'実質公債費比率（分子）の構造'!L$52</f>
        <v>253</v>
      </c>
      <c r="H42" s="173"/>
      <c r="I42" s="173"/>
      <c r="J42" s="173">
        <f>'実質公債費比率（分子）の構造'!M$52</f>
        <v>284</v>
      </c>
      <c r="K42" s="173"/>
      <c r="L42" s="173"/>
      <c r="M42" s="173">
        <f>'実質公債費比率（分子）の構造'!N$52</f>
        <v>311</v>
      </c>
      <c r="N42" s="173"/>
      <c r="O42" s="173"/>
      <c r="P42" s="173">
        <f>'実質公債費比率（分子）の構造'!O$52</f>
        <v>324</v>
      </c>
    </row>
    <row r="43" spans="1:16" x14ac:dyDescent="0.2">
      <c r="A43" s="173" t="s">
        <v>64</v>
      </c>
      <c r="B43" s="173" t="str">
        <f>'実質公債費比率（分子）の構造'!K$51</f>
        <v>-</v>
      </c>
      <c r="C43" s="173"/>
      <c r="D43" s="173"/>
      <c r="E43" s="173" t="str">
        <f>'実質公債費比率（分子）の構造'!L$51</f>
        <v>-</v>
      </c>
      <c r="F43" s="173"/>
      <c r="G43" s="173"/>
      <c r="H43" s="173">
        <f>'実質公債費比率（分子）の構造'!M$51</f>
        <v>0</v>
      </c>
      <c r="I43" s="173"/>
      <c r="J43" s="173"/>
      <c r="K43" s="173">
        <f>'実質公債費比率（分子）の構造'!N$51</f>
        <v>0</v>
      </c>
      <c r="L43" s="173"/>
      <c r="M43" s="173"/>
      <c r="N43" s="173" t="str">
        <f>'実質公債費比率（分子）の構造'!O$51</f>
        <v>-</v>
      </c>
      <c r="O43" s="173"/>
      <c r="P43" s="173"/>
    </row>
    <row r="44" spans="1:16" x14ac:dyDescent="0.2">
      <c r="A44" s="173" t="s">
        <v>65</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6</v>
      </c>
      <c r="B45" s="173">
        <f>'実質公債費比率（分子）の構造'!K$49</f>
        <v>72</v>
      </c>
      <c r="C45" s="173"/>
      <c r="D45" s="173"/>
      <c r="E45" s="173">
        <f>'実質公債費比率（分子）の構造'!L$49</f>
        <v>77</v>
      </c>
      <c r="F45" s="173"/>
      <c r="G45" s="173"/>
      <c r="H45" s="173">
        <f>'実質公債費比率（分子）の構造'!M$49</f>
        <v>83</v>
      </c>
      <c r="I45" s="173"/>
      <c r="J45" s="173"/>
      <c r="K45" s="173">
        <f>'実質公債費比率（分子）の構造'!N$49</f>
        <v>105</v>
      </c>
      <c r="L45" s="173"/>
      <c r="M45" s="173"/>
      <c r="N45" s="173">
        <f>'実質公債費比率（分子）の構造'!O$49</f>
        <v>105</v>
      </c>
      <c r="O45" s="173"/>
      <c r="P45" s="173"/>
    </row>
    <row r="46" spans="1:16" x14ac:dyDescent="0.2">
      <c r="A46" s="173" t="s">
        <v>67</v>
      </c>
      <c r="B46" s="173">
        <f>'実質公債費比率（分子）の構造'!K$48</f>
        <v>85</v>
      </c>
      <c r="C46" s="173"/>
      <c r="D46" s="173"/>
      <c r="E46" s="173">
        <f>'実質公債費比率（分子）の構造'!L$48</f>
        <v>90</v>
      </c>
      <c r="F46" s="173"/>
      <c r="G46" s="173"/>
      <c r="H46" s="173">
        <f>'実質公債費比率（分子）の構造'!M$48</f>
        <v>91</v>
      </c>
      <c r="I46" s="173"/>
      <c r="J46" s="173"/>
      <c r="K46" s="173">
        <f>'実質公債費比率（分子）の構造'!N$48</f>
        <v>95</v>
      </c>
      <c r="L46" s="173"/>
      <c r="M46" s="173"/>
      <c r="N46" s="173">
        <f>'実質公債費比率（分子）の構造'!O$48</f>
        <v>98</v>
      </c>
      <c r="O46" s="173"/>
      <c r="P46" s="173"/>
    </row>
    <row r="47" spans="1:16" x14ac:dyDescent="0.2">
      <c r="A47" s="173" t="s">
        <v>14</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8</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69</v>
      </c>
      <c r="B49" s="173">
        <f>'実質公債費比率（分子）の構造'!K$45</f>
        <v>276</v>
      </c>
      <c r="C49" s="173"/>
      <c r="D49" s="173"/>
      <c r="E49" s="173">
        <f>'実質公債費比率（分子）の構造'!L$45</f>
        <v>303</v>
      </c>
      <c r="F49" s="173"/>
      <c r="G49" s="173"/>
      <c r="H49" s="173">
        <f>'実質公債費比率（分子）の構造'!M$45</f>
        <v>326</v>
      </c>
      <c r="I49" s="173"/>
      <c r="J49" s="173"/>
      <c r="K49" s="173">
        <f>'実質公債費比率（分子）の構造'!N$45</f>
        <v>361</v>
      </c>
      <c r="L49" s="173"/>
      <c r="M49" s="173"/>
      <c r="N49" s="173">
        <f>'実質公債費比率（分子）の構造'!O$45</f>
        <v>385</v>
      </c>
      <c r="O49" s="173"/>
      <c r="P49" s="173"/>
    </row>
    <row r="50" spans="1:16" x14ac:dyDescent="0.2">
      <c r="A50" s="173" t="s">
        <v>70</v>
      </c>
      <c r="B50" s="173" t="e">
        <f>NA()</f>
        <v>#N/A</v>
      </c>
      <c r="C50" s="173">
        <f>IF(ISNUMBER('実質公債費比率（分子）の構造'!K$53),'実質公債費比率（分子）の構造'!K$53,NA())</f>
        <v>191</v>
      </c>
      <c r="D50" s="173" t="e">
        <f>NA()</f>
        <v>#N/A</v>
      </c>
      <c r="E50" s="173" t="e">
        <f>NA()</f>
        <v>#N/A</v>
      </c>
      <c r="F50" s="173">
        <f>IF(ISNUMBER('実質公債費比率（分子）の構造'!L$53),'実質公債費比率（分子）の構造'!L$53,NA())</f>
        <v>217</v>
      </c>
      <c r="G50" s="173" t="e">
        <f>NA()</f>
        <v>#N/A</v>
      </c>
      <c r="H50" s="173" t="e">
        <f>NA()</f>
        <v>#N/A</v>
      </c>
      <c r="I50" s="173">
        <f>IF(ISNUMBER('実質公債費比率（分子）の構造'!M$53),'実質公債費比率（分子）の構造'!M$53,NA())</f>
        <v>216</v>
      </c>
      <c r="J50" s="173" t="e">
        <f>NA()</f>
        <v>#N/A</v>
      </c>
      <c r="K50" s="173" t="e">
        <f>NA()</f>
        <v>#N/A</v>
      </c>
      <c r="L50" s="173">
        <f>IF(ISNUMBER('実質公債費比率（分子）の構造'!N$53),'実質公債費比率（分子）の構造'!N$53,NA())</f>
        <v>250</v>
      </c>
      <c r="M50" s="173" t="e">
        <f>NA()</f>
        <v>#N/A</v>
      </c>
      <c r="N50" s="173" t="e">
        <f>NA()</f>
        <v>#N/A</v>
      </c>
      <c r="O50" s="173">
        <f>IF(ISNUMBER('実質公債費比率（分子）の構造'!O$53),'実質公債費比率（分子）の構造'!O$53,NA())</f>
        <v>264</v>
      </c>
      <c r="P50" s="173" t="e">
        <f>NA()</f>
        <v>#N/A</v>
      </c>
    </row>
    <row r="53" spans="1:16" x14ac:dyDescent="0.2">
      <c r="A53" s="141" t="s">
        <v>71</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2</v>
      </c>
      <c r="C55" s="172"/>
      <c r="D55" s="172" t="s">
        <v>73</v>
      </c>
      <c r="E55" s="172" t="s">
        <v>72</v>
      </c>
      <c r="F55" s="172"/>
      <c r="G55" s="172" t="s">
        <v>73</v>
      </c>
      <c r="H55" s="172" t="s">
        <v>72</v>
      </c>
      <c r="I55" s="172"/>
      <c r="J55" s="172" t="s">
        <v>73</v>
      </c>
      <c r="K55" s="172" t="s">
        <v>72</v>
      </c>
      <c r="L55" s="172"/>
      <c r="M55" s="172" t="s">
        <v>73</v>
      </c>
      <c r="N55" s="172" t="s">
        <v>72</v>
      </c>
      <c r="O55" s="172"/>
      <c r="P55" s="172" t="s">
        <v>73</v>
      </c>
    </row>
    <row r="56" spans="1:16" x14ac:dyDescent="0.2">
      <c r="A56" s="172" t="s">
        <v>43</v>
      </c>
      <c r="B56" s="172"/>
      <c r="C56" s="172"/>
      <c r="D56" s="172">
        <f>'将来負担比率（分子）の構造'!I$52</f>
        <v>3297</v>
      </c>
      <c r="E56" s="172"/>
      <c r="F56" s="172"/>
      <c r="G56" s="172">
        <f>'将来負担比率（分子）の構造'!J$52</f>
        <v>3344</v>
      </c>
      <c r="H56" s="172"/>
      <c r="I56" s="172"/>
      <c r="J56" s="172">
        <f>'将来負担比率（分子）の構造'!K$52</f>
        <v>3592</v>
      </c>
      <c r="K56" s="172"/>
      <c r="L56" s="172"/>
      <c r="M56" s="172">
        <f>'将来負担比率（分子）の構造'!L$52</f>
        <v>3574</v>
      </c>
      <c r="N56" s="172"/>
      <c r="O56" s="172"/>
      <c r="P56" s="172">
        <f>'将来負担比率（分子）の構造'!M$52</f>
        <v>3533</v>
      </c>
    </row>
    <row r="57" spans="1:16" x14ac:dyDescent="0.2">
      <c r="A57" s="172" t="s">
        <v>42</v>
      </c>
      <c r="B57" s="172"/>
      <c r="C57" s="172"/>
      <c r="D57" s="172">
        <f>'将来負担比率（分子）の構造'!I$51</f>
        <v>67</v>
      </c>
      <c r="E57" s="172"/>
      <c r="F57" s="172"/>
      <c r="G57" s="172">
        <f>'将来負担比率（分子）の構造'!J$51</f>
        <v>55</v>
      </c>
      <c r="H57" s="172"/>
      <c r="I57" s="172"/>
      <c r="J57" s="172">
        <f>'将来負担比率（分子）の構造'!K$51</f>
        <v>47</v>
      </c>
      <c r="K57" s="172"/>
      <c r="L57" s="172"/>
      <c r="M57" s="172">
        <f>'将来負担比率（分子）の構造'!L$51</f>
        <v>40</v>
      </c>
      <c r="N57" s="172"/>
      <c r="O57" s="172"/>
      <c r="P57" s="172">
        <f>'将来負担比率（分子）の構造'!M$51</f>
        <v>35</v>
      </c>
    </row>
    <row r="58" spans="1:16" x14ac:dyDescent="0.2">
      <c r="A58" s="172" t="s">
        <v>41</v>
      </c>
      <c r="B58" s="172"/>
      <c r="C58" s="172"/>
      <c r="D58" s="172">
        <f>'将来負担比率（分子）の構造'!I$50</f>
        <v>481</v>
      </c>
      <c r="E58" s="172"/>
      <c r="F58" s="172"/>
      <c r="G58" s="172">
        <f>'将来負担比率（分子）の構造'!J$50</f>
        <v>595</v>
      </c>
      <c r="H58" s="172"/>
      <c r="I58" s="172"/>
      <c r="J58" s="172">
        <f>'将来負担比率（分子）の構造'!K$50</f>
        <v>556</v>
      </c>
      <c r="K58" s="172"/>
      <c r="L58" s="172"/>
      <c r="M58" s="172">
        <f>'将来負担比率（分子）の構造'!L$50</f>
        <v>512</v>
      </c>
      <c r="N58" s="172"/>
      <c r="O58" s="172"/>
      <c r="P58" s="172">
        <f>'将来負担比率（分子）の構造'!M$50</f>
        <v>751</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888</v>
      </c>
      <c r="C62" s="172"/>
      <c r="D62" s="172"/>
      <c r="E62" s="172">
        <f>'将来負担比率（分子）の構造'!J$45</f>
        <v>816</v>
      </c>
      <c r="F62" s="172"/>
      <c r="G62" s="172"/>
      <c r="H62" s="172">
        <f>'将来負担比率（分子）の構造'!K$45</f>
        <v>827</v>
      </c>
      <c r="I62" s="172"/>
      <c r="J62" s="172"/>
      <c r="K62" s="172">
        <f>'将来負担比率（分子）の構造'!L$45</f>
        <v>861</v>
      </c>
      <c r="L62" s="172"/>
      <c r="M62" s="172"/>
      <c r="N62" s="172">
        <f>'将来負担比率（分子）の構造'!M$45</f>
        <v>731</v>
      </c>
      <c r="O62" s="172"/>
      <c r="P62" s="172"/>
    </row>
    <row r="63" spans="1:16" x14ac:dyDescent="0.2">
      <c r="A63" s="172" t="s">
        <v>34</v>
      </c>
      <c r="B63" s="172">
        <f>'将来負担比率（分子）の構造'!I$44</f>
        <v>1138</v>
      </c>
      <c r="C63" s="172"/>
      <c r="D63" s="172"/>
      <c r="E63" s="172">
        <f>'将来負担比率（分子）の構造'!J$44</f>
        <v>1067</v>
      </c>
      <c r="F63" s="172"/>
      <c r="G63" s="172"/>
      <c r="H63" s="172">
        <f>'将来負担比率（分子）の構造'!K$44</f>
        <v>990</v>
      </c>
      <c r="I63" s="172"/>
      <c r="J63" s="172"/>
      <c r="K63" s="172">
        <f>'将来負担比率（分子）の構造'!L$44</f>
        <v>890</v>
      </c>
      <c r="L63" s="172"/>
      <c r="M63" s="172"/>
      <c r="N63" s="172">
        <f>'将来負担比率（分子）の構造'!M$44</f>
        <v>790</v>
      </c>
      <c r="O63" s="172"/>
      <c r="P63" s="172"/>
    </row>
    <row r="64" spans="1:16" x14ac:dyDescent="0.2">
      <c r="A64" s="172" t="s">
        <v>33</v>
      </c>
      <c r="B64" s="172">
        <f>'将来負担比率（分子）の構造'!I$43</f>
        <v>1728</v>
      </c>
      <c r="C64" s="172"/>
      <c r="D64" s="172"/>
      <c r="E64" s="172">
        <f>'将来負担比率（分子）の構造'!J$43</f>
        <v>1730</v>
      </c>
      <c r="F64" s="172"/>
      <c r="G64" s="172"/>
      <c r="H64" s="172">
        <f>'将来負担比率（分子）の構造'!K$43</f>
        <v>1743</v>
      </c>
      <c r="I64" s="172"/>
      <c r="J64" s="172"/>
      <c r="K64" s="172">
        <f>'将来負担比率（分子）の構造'!L$43</f>
        <v>1654</v>
      </c>
      <c r="L64" s="172"/>
      <c r="M64" s="172"/>
      <c r="N64" s="172">
        <f>'将来負担比率（分子）の構造'!M$43</f>
        <v>1648</v>
      </c>
      <c r="O64" s="172"/>
      <c r="P64" s="172"/>
    </row>
    <row r="65" spans="1:16" x14ac:dyDescent="0.2">
      <c r="A65" s="172" t="s">
        <v>32</v>
      </c>
      <c r="B65" s="172" t="str">
        <f>'将来負担比率（分子）の構造'!I$42</f>
        <v>-</v>
      </c>
      <c r="C65" s="172"/>
      <c r="D65" s="172"/>
      <c r="E65" s="172" t="str">
        <f>'将来負担比率（分子）の構造'!J$42</f>
        <v>-</v>
      </c>
      <c r="F65" s="172"/>
      <c r="G65" s="172"/>
      <c r="H65" s="172" t="str">
        <f>'将来負担比率（分子）の構造'!K$42</f>
        <v>-</v>
      </c>
      <c r="I65" s="172"/>
      <c r="J65" s="172"/>
      <c r="K65" s="172" t="str">
        <f>'将来負担比率（分子）の構造'!L$42</f>
        <v>-</v>
      </c>
      <c r="L65" s="172"/>
      <c r="M65" s="172"/>
      <c r="N65" s="172" t="str">
        <f>'将来負担比率（分子）の構造'!M$42</f>
        <v>-</v>
      </c>
      <c r="O65" s="172"/>
      <c r="P65" s="172"/>
    </row>
    <row r="66" spans="1:16" x14ac:dyDescent="0.2">
      <c r="A66" s="172" t="s">
        <v>31</v>
      </c>
      <c r="B66" s="172">
        <f>'将来負担比率（分子）の構造'!I$41</f>
        <v>3075</v>
      </c>
      <c r="C66" s="172"/>
      <c r="D66" s="172"/>
      <c r="E66" s="172">
        <f>'将来負担比率（分子）の構造'!J$41</f>
        <v>3235</v>
      </c>
      <c r="F66" s="172"/>
      <c r="G66" s="172"/>
      <c r="H66" s="172">
        <f>'将来負担比率（分子）の構造'!K$41</f>
        <v>3481</v>
      </c>
      <c r="I66" s="172"/>
      <c r="J66" s="172"/>
      <c r="K66" s="172">
        <f>'将来負担比率（分子）の構造'!L$41</f>
        <v>3500</v>
      </c>
      <c r="L66" s="172"/>
      <c r="M66" s="172"/>
      <c r="N66" s="172">
        <f>'将来負担比率（分子）の構造'!M$41</f>
        <v>3464</v>
      </c>
      <c r="O66" s="172"/>
      <c r="P66" s="172"/>
    </row>
    <row r="67" spans="1:16" x14ac:dyDescent="0.2">
      <c r="A67" s="172" t="s">
        <v>74</v>
      </c>
      <c r="B67" s="172" t="e">
        <f>NA()</f>
        <v>#N/A</v>
      </c>
      <c r="C67" s="172">
        <f>IF(ISNUMBER('将来負担比率（分子）の構造'!I$53), IF('将来負担比率（分子）の構造'!I$53 &lt; 0, 0, '将来負担比率（分子）の構造'!I$53), NA())</f>
        <v>2983</v>
      </c>
      <c r="D67" s="172" t="e">
        <f>NA()</f>
        <v>#N/A</v>
      </c>
      <c r="E67" s="172" t="e">
        <f>NA()</f>
        <v>#N/A</v>
      </c>
      <c r="F67" s="172">
        <f>IF(ISNUMBER('将来負担比率（分子）の構造'!J$53), IF('将来負担比率（分子）の構造'!J$53 &lt; 0, 0, '将来負担比率（分子）の構造'!J$53), NA())</f>
        <v>2854</v>
      </c>
      <c r="G67" s="172" t="e">
        <f>NA()</f>
        <v>#N/A</v>
      </c>
      <c r="H67" s="172" t="e">
        <f>NA()</f>
        <v>#N/A</v>
      </c>
      <c r="I67" s="172">
        <f>IF(ISNUMBER('将来負担比率（分子）の構造'!K$53), IF('将来負担比率（分子）の構造'!K$53 &lt; 0, 0, '将来負担比率（分子）の構造'!K$53), NA())</f>
        <v>2846</v>
      </c>
      <c r="J67" s="172" t="e">
        <f>NA()</f>
        <v>#N/A</v>
      </c>
      <c r="K67" s="172" t="e">
        <f>NA()</f>
        <v>#N/A</v>
      </c>
      <c r="L67" s="172">
        <f>IF(ISNUMBER('将来負担比率（分子）の構造'!L$53), IF('将来負担比率（分子）の構造'!L$53 &lt; 0, 0, '将来負担比率（分子）の構造'!L$53), NA())</f>
        <v>2779</v>
      </c>
      <c r="M67" s="172" t="e">
        <f>NA()</f>
        <v>#N/A</v>
      </c>
      <c r="N67" s="172" t="e">
        <f>NA()</f>
        <v>#N/A</v>
      </c>
      <c r="O67" s="172">
        <f>IF(ISNUMBER('将来負担比率（分子）の構造'!M$53), IF('将来負担比率（分子）の構造'!M$53 &lt; 0, 0, '将来負担比率（分子）の構造'!M$53), NA())</f>
        <v>2314</v>
      </c>
      <c r="P67" s="172" t="e">
        <f>NA()</f>
        <v>#N/A</v>
      </c>
    </row>
    <row r="70" spans="1:16" x14ac:dyDescent="0.2">
      <c r="A70" s="174" t="s">
        <v>75</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6</v>
      </c>
      <c r="B72" s="176">
        <f>基金残高に係る経年分析!F55</f>
        <v>290</v>
      </c>
      <c r="C72" s="176">
        <f>基金残高に係る経年分析!G55</f>
        <v>260</v>
      </c>
      <c r="D72" s="176">
        <f>基金残高に係る経年分析!H55</f>
        <v>335</v>
      </c>
    </row>
    <row r="73" spans="1:16" x14ac:dyDescent="0.2">
      <c r="A73" s="175" t="s">
        <v>77</v>
      </c>
      <c r="B73" s="176">
        <f>基金残高に係る経年分析!F56</f>
        <v>0</v>
      </c>
      <c r="C73" s="176">
        <f>基金残高に係る経年分析!G56</f>
        <v>0</v>
      </c>
      <c r="D73" s="176">
        <f>基金残高に係る経年分析!H56</f>
        <v>0</v>
      </c>
    </row>
    <row r="74" spans="1:16" x14ac:dyDescent="0.2">
      <c r="A74" s="175" t="s">
        <v>78</v>
      </c>
      <c r="B74" s="176">
        <f>基金残高に係る経年分析!F57</f>
        <v>78</v>
      </c>
      <c r="C74" s="176">
        <f>基金残高に係る経年分析!G57</f>
        <v>78</v>
      </c>
      <c r="D74" s="176">
        <f>基金残高に係る経年分析!H57</f>
        <v>215</v>
      </c>
    </row>
  </sheetData>
  <sheetProtection algorithmName="SHA-512" hashValue="yNGnLZv5B+kz8Gm2mo7LaamFmPzskIRHPDEphzj+QPINL2QaUYRWvnocmKUQlZcBQVktlYyqdWvoXoweYKPL4A==" saltValue="+KfNWrinplmlgKsnM3GK/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82" t="s">
        <v>210</v>
      </c>
      <c r="DI1" s="783"/>
      <c r="DJ1" s="783"/>
      <c r="DK1" s="783"/>
      <c r="DL1" s="783"/>
      <c r="DM1" s="783"/>
      <c r="DN1" s="784"/>
      <c r="DO1" s="212"/>
      <c r="DP1" s="782" t="s">
        <v>211</v>
      </c>
      <c r="DQ1" s="783"/>
      <c r="DR1" s="783"/>
      <c r="DS1" s="783"/>
      <c r="DT1" s="783"/>
      <c r="DU1" s="783"/>
      <c r="DV1" s="783"/>
      <c r="DW1" s="783"/>
      <c r="DX1" s="783"/>
      <c r="DY1" s="783"/>
      <c r="DZ1" s="783"/>
      <c r="EA1" s="783"/>
      <c r="EB1" s="783"/>
      <c r="EC1" s="784"/>
      <c r="ED1" s="210"/>
      <c r="EE1" s="210"/>
      <c r="EF1" s="210"/>
      <c r="EG1" s="210"/>
      <c r="EH1" s="210"/>
      <c r="EI1" s="210"/>
      <c r="EJ1" s="210"/>
      <c r="EK1" s="210"/>
      <c r="EL1" s="210"/>
      <c r="EM1" s="210"/>
    </row>
    <row r="2" spans="2:143" ht="22.5" customHeight="1" x14ac:dyDescent="0.2">
      <c r="B2" s="213" t="s">
        <v>212</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724" t="s">
        <v>213</v>
      </c>
      <c r="C3" s="725"/>
      <c r="D3" s="725"/>
      <c r="E3" s="725"/>
      <c r="F3" s="725"/>
      <c r="G3" s="725"/>
      <c r="H3" s="725"/>
      <c r="I3" s="725"/>
      <c r="J3" s="725"/>
      <c r="K3" s="725"/>
      <c r="L3" s="725"/>
      <c r="M3" s="725"/>
      <c r="N3" s="725"/>
      <c r="O3" s="725"/>
      <c r="P3" s="725"/>
      <c r="Q3" s="725"/>
      <c r="R3" s="725"/>
      <c r="S3" s="725"/>
      <c r="T3" s="725"/>
      <c r="U3" s="725"/>
      <c r="V3" s="725"/>
      <c r="W3" s="725"/>
      <c r="X3" s="725"/>
      <c r="Y3" s="725"/>
      <c r="Z3" s="725"/>
      <c r="AA3" s="725"/>
      <c r="AB3" s="725"/>
      <c r="AC3" s="725"/>
      <c r="AD3" s="725"/>
      <c r="AE3" s="725"/>
      <c r="AF3" s="725"/>
      <c r="AG3" s="725"/>
      <c r="AH3" s="725"/>
      <c r="AI3" s="725"/>
      <c r="AJ3" s="725"/>
      <c r="AK3" s="725"/>
      <c r="AL3" s="725"/>
      <c r="AM3" s="725"/>
      <c r="AN3" s="725"/>
      <c r="AO3" s="725"/>
      <c r="AP3" s="724" t="s">
        <v>214</v>
      </c>
      <c r="AQ3" s="725"/>
      <c r="AR3" s="725"/>
      <c r="AS3" s="725"/>
      <c r="AT3" s="725"/>
      <c r="AU3" s="725"/>
      <c r="AV3" s="725"/>
      <c r="AW3" s="725"/>
      <c r="AX3" s="725"/>
      <c r="AY3" s="725"/>
      <c r="AZ3" s="725"/>
      <c r="BA3" s="725"/>
      <c r="BB3" s="725"/>
      <c r="BC3" s="725"/>
      <c r="BD3" s="725"/>
      <c r="BE3" s="725"/>
      <c r="BF3" s="725"/>
      <c r="BG3" s="725"/>
      <c r="BH3" s="725"/>
      <c r="BI3" s="725"/>
      <c r="BJ3" s="725"/>
      <c r="BK3" s="725"/>
      <c r="BL3" s="725"/>
      <c r="BM3" s="725"/>
      <c r="BN3" s="725"/>
      <c r="BO3" s="725"/>
      <c r="BP3" s="725"/>
      <c r="BQ3" s="725"/>
      <c r="BR3" s="725"/>
      <c r="BS3" s="725"/>
      <c r="BT3" s="725"/>
      <c r="BU3" s="725"/>
      <c r="BV3" s="725"/>
      <c r="BW3" s="725"/>
      <c r="BX3" s="725"/>
      <c r="BY3" s="725"/>
      <c r="BZ3" s="725"/>
      <c r="CA3" s="725"/>
      <c r="CB3" s="726"/>
      <c r="CD3" s="767" t="s">
        <v>215</v>
      </c>
      <c r="CE3" s="768"/>
      <c r="CF3" s="768"/>
      <c r="CG3" s="768"/>
      <c r="CH3" s="768"/>
      <c r="CI3" s="768"/>
      <c r="CJ3" s="768"/>
      <c r="CK3" s="768"/>
      <c r="CL3" s="768"/>
      <c r="CM3" s="768"/>
      <c r="CN3" s="768"/>
      <c r="CO3" s="768"/>
      <c r="CP3" s="768"/>
      <c r="CQ3" s="768"/>
      <c r="CR3" s="768"/>
      <c r="CS3" s="768"/>
      <c r="CT3" s="768"/>
      <c r="CU3" s="768"/>
      <c r="CV3" s="768"/>
      <c r="CW3" s="768"/>
      <c r="CX3" s="768"/>
      <c r="CY3" s="768"/>
      <c r="CZ3" s="768"/>
      <c r="DA3" s="768"/>
      <c r="DB3" s="768"/>
      <c r="DC3" s="768"/>
      <c r="DD3" s="768"/>
      <c r="DE3" s="768"/>
      <c r="DF3" s="768"/>
      <c r="DG3" s="768"/>
      <c r="DH3" s="768"/>
      <c r="DI3" s="768"/>
      <c r="DJ3" s="768"/>
      <c r="DK3" s="768"/>
      <c r="DL3" s="768"/>
      <c r="DM3" s="768"/>
      <c r="DN3" s="768"/>
      <c r="DO3" s="768"/>
      <c r="DP3" s="768"/>
      <c r="DQ3" s="768"/>
      <c r="DR3" s="768"/>
      <c r="DS3" s="768"/>
      <c r="DT3" s="768"/>
      <c r="DU3" s="768"/>
      <c r="DV3" s="768"/>
      <c r="DW3" s="768"/>
      <c r="DX3" s="768"/>
      <c r="DY3" s="768"/>
      <c r="DZ3" s="768"/>
      <c r="EA3" s="768"/>
      <c r="EB3" s="768"/>
      <c r="EC3" s="769"/>
    </row>
    <row r="4" spans="2:143" ht="11.25" customHeight="1" x14ac:dyDescent="0.2">
      <c r="B4" s="724" t="s">
        <v>1</v>
      </c>
      <c r="C4" s="725"/>
      <c r="D4" s="725"/>
      <c r="E4" s="725"/>
      <c r="F4" s="725"/>
      <c r="G4" s="725"/>
      <c r="H4" s="725"/>
      <c r="I4" s="725"/>
      <c r="J4" s="725"/>
      <c r="K4" s="725"/>
      <c r="L4" s="725"/>
      <c r="M4" s="725"/>
      <c r="N4" s="725"/>
      <c r="O4" s="725"/>
      <c r="P4" s="725"/>
      <c r="Q4" s="726"/>
      <c r="R4" s="724" t="s">
        <v>216</v>
      </c>
      <c r="S4" s="725"/>
      <c r="T4" s="725"/>
      <c r="U4" s="725"/>
      <c r="V4" s="725"/>
      <c r="W4" s="725"/>
      <c r="X4" s="725"/>
      <c r="Y4" s="726"/>
      <c r="Z4" s="724" t="s">
        <v>217</v>
      </c>
      <c r="AA4" s="725"/>
      <c r="AB4" s="725"/>
      <c r="AC4" s="726"/>
      <c r="AD4" s="724" t="s">
        <v>218</v>
      </c>
      <c r="AE4" s="725"/>
      <c r="AF4" s="725"/>
      <c r="AG4" s="725"/>
      <c r="AH4" s="725"/>
      <c r="AI4" s="725"/>
      <c r="AJ4" s="725"/>
      <c r="AK4" s="726"/>
      <c r="AL4" s="724" t="s">
        <v>217</v>
      </c>
      <c r="AM4" s="725"/>
      <c r="AN4" s="725"/>
      <c r="AO4" s="726"/>
      <c r="AP4" s="785" t="s">
        <v>219</v>
      </c>
      <c r="AQ4" s="785"/>
      <c r="AR4" s="785"/>
      <c r="AS4" s="785"/>
      <c r="AT4" s="785"/>
      <c r="AU4" s="785"/>
      <c r="AV4" s="785"/>
      <c r="AW4" s="785"/>
      <c r="AX4" s="785"/>
      <c r="AY4" s="785"/>
      <c r="AZ4" s="785"/>
      <c r="BA4" s="785"/>
      <c r="BB4" s="785"/>
      <c r="BC4" s="785"/>
      <c r="BD4" s="785"/>
      <c r="BE4" s="785"/>
      <c r="BF4" s="785"/>
      <c r="BG4" s="785" t="s">
        <v>220</v>
      </c>
      <c r="BH4" s="785"/>
      <c r="BI4" s="785"/>
      <c r="BJ4" s="785"/>
      <c r="BK4" s="785"/>
      <c r="BL4" s="785"/>
      <c r="BM4" s="785"/>
      <c r="BN4" s="785"/>
      <c r="BO4" s="785" t="s">
        <v>217</v>
      </c>
      <c r="BP4" s="785"/>
      <c r="BQ4" s="785"/>
      <c r="BR4" s="785"/>
      <c r="BS4" s="785" t="s">
        <v>221</v>
      </c>
      <c r="BT4" s="785"/>
      <c r="BU4" s="785"/>
      <c r="BV4" s="785"/>
      <c r="BW4" s="785"/>
      <c r="BX4" s="785"/>
      <c r="BY4" s="785"/>
      <c r="BZ4" s="785"/>
      <c r="CA4" s="785"/>
      <c r="CB4" s="785"/>
      <c r="CD4" s="767" t="s">
        <v>222</v>
      </c>
      <c r="CE4" s="768"/>
      <c r="CF4" s="768"/>
      <c r="CG4" s="768"/>
      <c r="CH4" s="768"/>
      <c r="CI4" s="768"/>
      <c r="CJ4" s="768"/>
      <c r="CK4" s="768"/>
      <c r="CL4" s="768"/>
      <c r="CM4" s="768"/>
      <c r="CN4" s="768"/>
      <c r="CO4" s="768"/>
      <c r="CP4" s="768"/>
      <c r="CQ4" s="768"/>
      <c r="CR4" s="768"/>
      <c r="CS4" s="768"/>
      <c r="CT4" s="768"/>
      <c r="CU4" s="768"/>
      <c r="CV4" s="768"/>
      <c r="CW4" s="768"/>
      <c r="CX4" s="768"/>
      <c r="CY4" s="768"/>
      <c r="CZ4" s="768"/>
      <c r="DA4" s="768"/>
      <c r="DB4" s="768"/>
      <c r="DC4" s="768"/>
      <c r="DD4" s="768"/>
      <c r="DE4" s="768"/>
      <c r="DF4" s="768"/>
      <c r="DG4" s="768"/>
      <c r="DH4" s="768"/>
      <c r="DI4" s="768"/>
      <c r="DJ4" s="768"/>
      <c r="DK4" s="768"/>
      <c r="DL4" s="768"/>
      <c r="DM4" s="768"/>
      <c r="DN4" s="768"/>
      <c r="DO4" s="768"/>
      <c r="DP4" s="768"/>
      <c r="DQ4" s="768"/>
      <c r="DR4" s="768"/>
      <c r="DS4" s="768"/>
      <c r="DT4" s="768"/>
      <c r="DU4" s="768"/>
      <c r="DV4" s="768"/>
      <c r="DW4" s="768"/>
      <c r="DX4" s="768"/>
      <c r="DY4" s="768"/>
      <c r="DZ4" s="768"/>
      <c r="EA4" s="768"/>
      <c r="EB4" s="768"/>
      <c r="EC4" s="769"/>
    </row>
    <row r="5" spans="2:143" s="362" customFormat="1" ht="11.25" customHeight="1" x14ac:dyDescent="0.2">
      <c r="B5" s="731" t="s">
        <v>223</v>
      </c>
      <c r="C5" s="732"/>
      <c r="D5" s="732"/>
      <c r="E5" s="732"/>
      <c r="F5" s="732"/>
      <c r="G5" s="732"/>
      <c r="H5" s="732"/>
      <c r="I5" s="732"/>
      <c r="J5" s="732"/>
      <c r="K5" s="732"/>
      <c r="L5" s="732"/>
      <c r="M5" s="732"/>
      <c r="N5" s="732"/>
      <c r="O5" s="732"/>
      <c r="P5" s="732"/>
      <c r="Q5" s="733"/>
      <c r="R5" s="718">
        <v>884534</v>
      </c>
      <c r="S5" s="719"/>
      <c r="T5" s="719"/>
      <c r="U5" s="719"/>
      <c r="V5" s="719"/>
      <c r="W5" s="719"/>
      <c r="X5" s="719"/>
      <c r="Y5" s="762"/>
      <c r="Z5" s="780">
        <v>20</v>
      </c>
      <c r="AA5" s="780"/>
      <c r="AB5" s="780"/>
      <c r="AC5" s="780"/>
      <c r="AD5" s="781">
        <v>884534</v>
      </c>
      <c r="AE5" s="781"/>
      <c r="AF5" s="781"/>
      <c r="AG5" s="781"/>
      <c r="AH5" s="781"/>
      <c r="AI5" s="781"/>
      <c r="AJ5" s="781"/>
      <c r="AK5" s="781"/>
      <c r="AL5" s="763">
        <v>36.799999999999997</v>
      </c>
      <c r="AM5" s="736"/>
      <c r="AN5" s="736"/>
      <c r="AO5" s="764"/>
      <c r="AP5" s="731" t="s">
        <v>224</v>
      </c>
      <c r="AQ5" s="732"/>
      <c r="AR5" s="732"/>
      <c r="AS5" s="732"/>
      <c r="AT5" s="732"/>
      <c r="AU5" s="732"/>
      <c r="AV5" s="732"/>
      <c r="AW5" s="732"/>
      <c r="AX5" s="732"/>
      <c r="AY5" s="732"/>
      <c r="AZ5" s="732"/>
      <c r="BA5" s="732"/>
      <c r="BB5" s="732"/>
      <c r="BC5" s="732"/>
      <c r="BD5" s="732"/>
      <c r="BE5" s="732"/>
      <c r="BF5" s="733"/>
      <c r="BG5" s="665">
        <v>884534</v>
      </c>
      <c r="BH5" s="666"/>
      <c r="BI5" s="666"/>
      <c r="BJ5" s="666"/>
      <c r="BK5" s="666"/>
      <c r="BL5" s="666"/>
      <c r="BM5" s="666"/>
      <c r="BN5" s="667"/>
      <c r="BO5" s="692">
        <v>100</v>
      </c>
      <c r="BP5" s="692"/>
      <c r="BQ5" s="692"/>
      <c r="BR5" s="692"/>
      <c r="BS5" s="693" t="s">
        <v>126</v>
      </c>
      <c r="BT5" s="693"/>
      <c r="BU5" s="693"/>
      <c r="BV5" s="693"/>
      <c r="BW5" s="693"/>
      <c r="BX5" s="693"/>
      <c r="BY5" s="693"/>
      <c r="BZ5" s="693"/>
      <c r="CA5" s="693"/>
      <c r="CB5" s="751"/>
      <c r="CD5" s="767" t="s">
        <v>219</v>
      </c>
      <c r="CE5" s="768"/>
      <c r="CF5" s="768"/>
      <c r="CG5" s="768"/>
      <c r="CH5" s="768"/>
      <c r="CI5" s="768"/>
      <c r="CJ5" s="768"/>
      <c r="CK5" s="768"/>
      <c r="CL5" s="768"/>
      <c r="CM5" s="768"/>
      <c r="CN5" s="768"/>
      <c r="CO5" s="768"/>
      <c r="CP5" s="768"/>
      <c r="CQ5" s="769"/>
      <c r="CR5" s="767" t="s">
        <v>225</v>
      </c>
      <c r="CS5" s="768"/>
      <c r="CT5" s="768"/>
      <c r="CU5" s="768"/>
      <c r="CV5" s="768"/>
      <c r="CW5" s="768"/>
      <c r="CX5" s="768"/>
      <c r="CY5" s="769"/>
      <c r="CZ5" s="767" t="s">
        <v>217</v>
      </c>
      <c r="DA5" s="768"/>
      <c r="DB5" s="768"/>
      <c r="DC5" s="769"/>
      <c r="DD5" s="767" t="s">
        <v>226</v>
      </c>
      <c r="DE5" s="768"/>
      <c r="DF5" s="768"/>
      <c r="DG5" s="768"/>
      <c r="DH5" s="768"/>
      <c r="DI5" s="768"/>
      <c r="DJ5" s="768"/>
      <c r="DK5" s="768"/>
      <c r="DL5" s="768"/>
      <c r="DM5" s="768"/>
      <c r="DN5" s="768"/>
      <c r="DO5" s="768"/>
      <c r="DP5" s="769"/>
      <c r="DQ5" s="767" t="s">
        <v>227</v>
      </c>
      <c r="DR5" s="768"/>
      <c r="DS5" s="768"/>
      <c r="DT5" s="768"/>
      <c r="DU5" s="768"/>
      <c r="DV5" s="768"/>
      <c r="DW5" s="768"/>
      <c r="DX5" s="768"/>
      <c r="DY5" s="768"/>
      <c r="DZ5" s="768"/>
      <c r="EA5" s="768"/>
      <c r="EB5" s="768"/>
      <c r="EC5" s="769"/>
    </row>
    <row r="6" spans="2:143" ht="11.25" customHeight="1" x14ac:dyDescent="0.2">
      <c r="B6" s="662" t="s">
        <v>228</v>
      </c>
      <c r="C6" s="663"/>
      <c r="D6" s="663"/>
      <c r="E6" s="663"/>
      <c r="F6" s="663"/>
      <c r="G6" s="663"/>
      <c r="H6" s="663"/>
      <c r="I6" s="663"/>
      <c r="J6" s="663"/>
      <c r="K6" s="663"/>
      <c r="L6" s="663"/>
      <c r="M6" s="663"/>
      <c r="N6" s="663"/>
      <c r="O6" s="663"/>
      <c r="P6" s="663"/>
      <c r="Q6" s="664"/>
      <c r="R6" s="665">
        <v>19729</v>
      </c>
      <c r="S6" s="666"/>
      <c r="T6" s="666"/>
      <c r="U6" s="666"/>
      <c r="V6" s="666"/>
      <c r="W6" s="666"/>
      <c r="X6" s="666"/>
      <c r="Y6" s="667"/>
      <c r="Z6" s="692">
        <v>0.4</v>
      </c>
      <c r="AA6" s="692"/>
      <c r="AB6" s="692"/>
      <c r="AC6" s="692"/>
      <c r="AD6" s="693">
        <v>19729</v>
      </c>
      <c r="AE6" s="693"/>
      <c r="AF6" s="693"/>
      <c r="AG6" s="693"/>
      <c r="AH6" s="693"/>
      <c r="AI6" s="693"/>
      <c r="AJ6" s="693"/>
      <c r="AK6" s="693"/>
      <c r="AL6" s="668">
        <v>0.8</v>
      </c>
      <c r="AM6" s="669"/>
      <c r="AN6" s="669"/>
      <c r="AO6" s="694"/>
      <c r="AP6" s="662" t="s">
        <v>229</v>
      </c>
      <c r="AQ6" s="663"/>
      <c r="AR6" s="663"/>
      <c r="AS6" s="663"/>
      <c r="AT6" s="663"/>
      <c r="AU6" s="663"/>
      <c r="AV6" s="663"/>
      <c r="AW6" s="663"/>
      <c r="AX6" s="663"/>
      <c r="AY6" s="663"/>
      <c r="AZ6" s="663"/>
      <c r="BA6" s="663"/>
      <c r="BB6" s="663"/>
      <c r="BC6" s="663"/>
      <c r="BD6" s="663"/>
      <c r="BE6" s="663"/>
      <c r="BF6" s="664"/>
      <c r="BG6" s="665">
        <v>884534</v>
      </c>
      <c r="BH6" s="666"/>
      <c r="BI6" s="666"/>
      <c r="BJ6" s="666"/>
      <c r="BK6" s="666"/>
      <c r="BL6" s="666"/>
      <c r="BM6" s="666"/>
      <c r="BN6" s="667"/>
      <c r="BO6" s="692">
        <v>100</v>
      </c>
      <c r="BP6" s="692"/>
      <c r="BQ6" s="692"/>
      <c r="BR6" s="692"/>
      <c r="BS6" s="693" t="s">
        <v>126</v>
      </c>
      <c r="BT6" s="693"/>
      <c r="BU6" s="693"/>
      <c r="BV6" s="693"/>
      <c r="BW6" s="693"/>
      <c r="BX6" s="693"/>
      <c r="BY6" s="693"/>
      <c r="BZ6" s="693"/>
      <c r="CA6" s="693"/>
      <c r="CB6" s="751"/>
      <c r="CD6" s="721" t="s">
        <v>230</v>
      </c>
      <c r="CE6" s="722"/>
      <c r="CF6" s="722"/>
      <c r="CG6" s="722"/>
      <c r="CH6" s="722"/>
      <c r="CI6" s="722"/>
      <c r="CJ6" s="722"/>
      <c r="CK6" s="722"/>
      <c r="CL6" s="722"/>
      <c r="CM6" s="722"/>
      <c r="CN6" s="722"/>
      <c r="CO6" s="722"/>
      <c r="CP6" s="722"/>
      <c r="CQ6" s="723"/>
      <c r="CR6" s="665">
        <v>70962</v>
      </c>
      <c r="CS6" s="666"/>
      <c r="CT6" s="666"/>
      <c r="CU6" s="666"/>
      <c r="CV6" s="666"/>
      <c r="CW6" s="666"/>
      <c r="CX6" s="666"/>
      <c r="CY6" s="667"/>
      <c r="CZ6" s="763">
        <v>1.7</v>
      </c>
      <c r="DA6" s="736"/>
      <c r="DB6" s="736"/>
      <c r="DC6" s="766"/>
      <c r="DD6" s="671" t="s">
        <v>126</v>
      </c>
      <c r="DE6" s="666"/>
      <c r="DF6" s="666"/>
      <c r="DG6" s="666"/>
      <c r="DH6" s="666"/>
      <c r="DI6" s="666"/>
      <c r="DJ6" s="666"/>
      <c r="DK6" s="666"/>
      <c r="DL6" s="666"/>
      <c r="DM6" s="666"/>
      <c r="DN6" s="666"/>
      <c r="DO6" s="666"/>
      <c r="DP6" s="667"/>
      <c r="DQ6" s="671">
        <v>70962</v>
      </c>
      <c r="DR6" s="666"/>
      <c r="DS6" s="666"/>
      <c r="DT6" s="666"/>
      <c r="DU6" s="666"/>
      <c r="DV6" s="666"/>
      <c r="DW6" s="666"/>
      <c r="DX6" s="666"/>
      <c r="DY6" s="666"/>
      <c r="DZ6" s="666"/>
      <c r="EA6" s="666"/>
      <c r="EB6" s="666"/>
      <c r="EC6" s="706"/>
    </row>
    <row r="7" spans="2:143" ht="11.25" customHeight="1" x14ac:dyDescent="0.2">
      <c r="B7" s="662" t="s">
        <v>231</v>
      </c>
      <c r="C7" s="663"/>
      <c r="D7" s="663"/>
      <c r="E7" s="663"/>
      <c r="F7" s="663"/>
      <c r="G7" s="663"/>
      <c r="H7" s="663"/>
      <c r="I7" s="663"/>
      <c r="J7" s="663"/>
      <c r="K7" s="663"/>
      <c r="L7" s="663"/>
      <c r="M7" s="663"/>
      <c r="N7" s="663"/>
      <c r="O7" s="663"/>
      <c r="P7" s="663"/>
      <c r="Q7" s="664"/>
      <c r="R7" s="665">
        <v>404</v>
      </c>
      <c r="S7" s="666"/>
      <c r="T7" s="666"/>
      <c r="U7" s="666"/>
      <c r="V7" s="666"/>
      <c r="W7" s="666"/>
      <c r="X7" s="666"/>
      <c r="Y7" s="667"/>
      <c r="Z7" s="692">
        <v>0</v>
      </c>
      <c r="AA7" s="692"/>
      <c r="AB7" s="692"/>
      <c r="AC7" s="692"/>
      <c r="AD7" s="693">
        <v>404</v>
      </c>
      <c r="AE7" s="693"/>
      <c r="AF7" s="693"/>
      <c r="AG7" s="693"/>
      <c r="AH7" s="693"/>
      <c r="AI7" s="693"/>
      <c r="AJ7" s="693"/>
      <c r="AK7" s="693"/>
      <c r="AL7" s="668">
        <v>0</v>
      </c>
      <c r="AM7" s="669"/>
      <c r="AN7" s="669"/>
      <c r="AO7" s="694"/>
      <c r="AP7" s="662" t="s">
        <v>232</v>
      </c>
      <c r="AQ7" s="663"/>
      <c r="AR7" s="663"/>
      <c r="AS7" s="663"/>
      <c r="AT7" s="663"/>
      <c r="AU7" s="663"/>
      <c r="AV7" s="663"/>
      <c r="AW7" s="663"/>
      <c r="AX7" s="663"/>
      <c r="AY7" s="663"/>
      <c r="AZ7" s="663"/>
      <c r="BA7" s="663"/>
      <c r="BB7" s="663"/>
      <c r="BC7" s="663"/>
      <c r="BD7" s="663"/>
      <c r="BE7" s="663"/>
      <c r="BF7" s="664"/>
      <c r="BG7" s="665">
        <v>360129</v>
      </c>
      <c r="BH7" s="666"/>
      <c r="BI7" s="666"/>
      <c r="BJ7" s="666"/>
      <c r="BK7" s="666"/>
      <c r="BL7" s="666"/>
      <c r="BM7" s="666"/>
      <c r="BN7" s="667"/>
      <c r="BO7" s="692">
        <v>40.700000000000003</v>
      </c>
      <c r="BP7" s="692"/>
      <c r="BQ7" s="692"/>
      <c r="BR7" s="692"/>
      <c r="BS7" s="693" t="s">
        <v>126</v>
      </c>
      <c r="BT7" s="693"/>
      <c r="BU7" s="693"/>
      <c r="BV7" s="693"/>
      <c r="BW7" s="693"/>
      <c r="BX7" s="693"/>
      <c r="BY7" s="693"/>
      <c r="BZ7" s="693"/>
      <c r="CA7" s="693"/>
      <c r="CB7" s="751"/>
      <c r="CD7" s="707" t="s">
        <v>233</v>
      </c>
      <c r="CE7" s="704"/>
      <c r="CF7" s="704"/>
      <c r="CG7" s="704"/>
      <c r="CH7" s="704"/>
      <c r="CI7" s="704"/>
      <c r="CJ7" s="704"/>
      <c r="CK7" s="704"/>
      <c r="CL7" s="704"/>
      <c r="CM7" s="704"/>
      <c r="CN7" s="704"/>
      <c r="CO7" s="704"/>
      <c r="CP7" s="704"/>
      <c r="CQ7" s="705"/>
      <c r="CR7" s="665">
        <v>902432</v>
      </c>
      <c r="CS7" s="666"/>
      <c r="CT7" s="666"/>
      <c r="CU7" s="666"/>
      <c r="CV7" s="666"/>
      <c r="CW7" s="666"/>
      <c r="CX7" s="666"/>
      <c r="CY7" s="667"/>
      <c r="CZ7" s="692">
        <v>22.2</v>
      </c>
      <c r="DA7" s="692"/>
      <c r="DB7" s="692"/>
      <c r="DC7" s="692"/>
      <c r="DD7" s="671">
        <v>5275</v>
      </c>
      <c r="DE7" s="666"/>
      <c r="DF7" s="666"/>
      <c r="DG7" s="666"/>
      <c r="DH7" s="666"/>
      <c r="DI7" s="666"/>
      <c r="DJ7" s="666"/>
      <c r="DK7" s="666"/>
      <c r="DL7" s="666"/>
      <c r="DM7" s="666"/>
      <c r="DN7" s="666"/>
      <c r="DO7" s="666"/>
      <c r="DP7" s="667"/>
      <c r="DQ7" s="671">
        <v>694459</v>
      </c>
      <c r="DR7" s="666"/>
      <c r="DS7" s="666"/>
      <c r="DT7" s="666"/>
      <c r="DU7" s="666"/>
      <c r="DV7" s="666"/>
      <c r="DW7" s="666"/>
      <c r="DX7" s="666"/>
      <c r="DY7" s="666"/>
      <c r="DZ7" s="666"/>
      <c r="EA7" s="666"/>
      <c r="EB7" s="666"/>
      <c r="EC7" s="706"/>
    </row>
    <row r="8" spans="2:143" ht="11.25" customHeight="1" x14ac:dyDescent="0.2">
      <c r="B8" s="662" t="s">
        <v>234</v>
      </c>
      <c r="C8" s="663"/>
      <c r="D8" s="663"/>
      <c r="E8" s="663"/>
      <c r="F8" s="663"/>
      <c r="G8" s="663"/>
      <c r="H8" s="663"/>
      <c r="I8" s="663"/>
      <c r="J8" s="663"/>
      <c r="K8" s="663"/>
      <c r="L8" s="663"/>
      <c r="M8" s="663"/>
      <c r="N8" s="663"/>
      <c r="O8" s="663"/>
      <c r="P8" s="663"/>
      <c r="Q8" s="664"/>
      <c r="R8" s="665">
        <v>6005</v>
      </c>
      <c r="S8" s="666"/>
      <c r="T8" s="666"/>
      <c r="U8" s="666"/>
      <c r="V8" s="666"/>
      <c r="W8" s="666"/>
      <c r="X8" s="666"/>
      <c r="Y8" s="667"/>
      <c r="Z8" s="692">
        <v>0.1</v>
      </c>
      <c r="AA8" s="692"/>
      <c r="AB8" s="692"/>
      <c r="AC8" s="692"/>
      <c r="AD8" s="693">
        <v>6005</v>
      </c>
      <c r="AE8" s="693"/>
      <c r="AF8" s="693"/>
      <c r="AG8" s="693"/>
      <c r="AH8" s="693"/>
      <c r="AI8" s="693"/>
      <c r="AJ8" s="693"/>
      <c r="AK8" s="693"/>
      <c r="AL8" s="668">
        <v>0.2</v>
      </c>
      <c r="AM8" s="669"/>
      <c r="AN8" s="669"/>
      <c r="AO8" s="694"/>
      <c r="AP8" s="662" t="s">
        <v>235</v>
      </c>
      <c r="AQ8" s="663"/>
      <c r="AR8" s="663"/>
      <c r="AS8" s="663"/>
      <c r="AT8" s="663"/>
      <c r="AU8" s="663"/>
      <c r="AV8" s="663"/>
      <c r="AW8" s="663"/>
      <c r="AX8" s="663"/>
      <c r="AY8" s="663"/>
      <c r="AZ8" s="663"/>
      <c r="BA8" s="663"/>
      <c r="BB8" s="663"/>
      <c r="BC8" s="663"/>
      <c r="BD8" s="663"/>
      <c r="BE8" s="663"/>
      <c r="BF8" s="664"/>
      <c r="BG8" s="665">
        <v>13547</v>
      </c>
      <c r="BH8" s="666"/>
      <c r="BI8" s="666"/>
      <c r="BJ8" s="666"/>
      <c r="BK8" s="666"/>
      <c r="BL8" s="666"/>
      <c r="BM8" s="666"/>
      <c r="BN8" s="667"/>
      <c r="BO8" s="692">
        <v>1.5</v>
      </c>
      <c r="BP8" s="692"/>
      <c r="BQ8" s="692"/>
      <c r="BR8" s="692"/>
      <c r="BS8" s="693" t="s">
        <v>126</v>
      </c>
      <c r="BT8" s="693"/>
      <c r="BU8" s="693"/>
      <c r="BV8" s="693"/>
      <c r="BW8" s="693"/>
      <c r="BX8" s="693"/>
      <c r="BY8" s="693"/>
      <c r="BZ8" s="693"/>
      <c r="CA8" s="693"/>
      <c r="CB8" s="751"/>
      <c r="CD8" s="707" t="s">
        <v>236</v>
      </c>
      <c r="CE8" s="704"/>
      <c r="CF8" s="704"/>
      <c r="CG8" s="704"/>
      <c r="CH8" s="704"/>
      <c r="CI8" s="704"/>
      <c r="CJ8" s="704"/>
      <c r="CK8" s="704"/>
      <c r="CL8" s="704"/>
      <c r="CM8" s="704"/>
      <c r="CN8" s="704"/>
      <c r="CO8" s="704"/>
      <c r="CP8" s="704"/>
      <c r="CQ8" s="705"/>
      <c r="CR8" s="665">
        <v>1035617</v>
      </c>
      <c r="CS8" s="666"/>
      <c r="CT8" s="666"/>
      <c r="CU8" s="666"/>
      <c r="CV8" s="666"/>
      <c r="CW8" s="666"/>
      <c r="CX8" s="666"/>
      <c r="CY8" s="667"/>
      <c r="CZ8" s="692">
        <v>25.4</v>
      </c>
      <c r="DA8" s="692"/>
      <c r="DB8" s="692"/>
      <c r="DC8" s="692"/>
      <c r="DD8" s="671">
        <v>150</v>
      </c>
      <c r="DE8" s="666"/>
      <c r="DF8" s="666"/>
      <c r="DG8" s="666"/>
      <c r="DH8" s="666"/>
      <c r="DI8" s="666"/>
      <c r="DJ8" s="666"/>
      <c r="DK8" s="666"/>
      <c r="DL8" s="666"/>
      <c r="DM8" s="666"/>
      <c r="DN8" s="666"/>
      <c r="DO8" s="666"/>
      <c r="DP8" s="667"/>
      <c r="DQ8" s="671">
        <v>522970</v>
      </c>
      <c r="DR8" s="666"/>
      <c r="DS8" s="666"/>
      <c r="DT8" s="666"/>
      <c r="DU8" s="666"/>
      <c r="DV8" s="666"/>
      <c r="DW8" s="666"/>
      <c r="DX8" s="666"/>
      <c r="DY8" s="666"/>
      <c r="DZ8" s="666"/>
      <c r="EA8" s="666"/>
      <c r="EB8" s="666"/>
      <c r="EC8" s="706"/>
    </row>
    <row r="9" spans="2:143" ht="11.25" customHeight="1" x14ac:dyDescent="0.2">
      <c r="B9" s="662" t="s">
        <v>237</v>
      </c>
      <c r="C9" s="663"/>
      <c r="D9" s="663"/>
      <c r="E9" s="663"/>
      <c r="F9" s="663"/>
      <c r="G9" s="663"/>
      <c r="H9" s="663"/>
      <c r="I9" s="663"/>
      <c r="J9" s="663"/>
      <c r="K9" s="663"/>
      <c r="L9" s="663"/>
      <c r="M9" s="663"/>
      <c r="N9" s="663"/>
      <c r="O9" s="663"/>
      <c r="P9" s="663"/>
      <c r="Q9" s="664"/>
      <c r="R9" s="665">
        <v>7614</v>
      </c>
      <c r="S9" s="666"/>
      <c r="T9" s="666"/>
      <c r="U9" s="666"/>
      <c r="V9" s="666"/>
      <c r="W9" s="666"/>
      <c r="X9" s="666"/>
      <c r="Y9" s="667"/>
      <c r="Z9" s="692">
        <v>0.2</v>
      </c>
      <c r="AA9" s="692"/>
      <c r="AB9" s="692"/>
      <c r="AC9" s="692"/>
      <c r="AD9" s="693">
        <v>7614</v>
      </c>
      <c r="AE9" s="693"/>
      <c r="AF9" s="693"/>
      <c r="AG9" s="693"/>
      <c r="AH9" s="693"/>
      <c r="AI9" s="693"/>
      <c r="AJ9" s="693"/>
      <c r="AK9" s="693"/>
      <c r="AL9" s="668">
        <v>0.3</v>
      </c>
      <c r="AM9" s="669"/>
      <c r="AN9" s="669"/>
      <c r="AO9" s="694"/>
      <c r="AP9" s="662" t="s">
        <v>238</v>
      </c>
      <c r="AQ9" s="663"/>
      <c r="AR9" s="663"/>
      <c r="AS9" s="663"/>
      <c r="AT9" s="663"/>
      <c r="AU9" s="663"/>
      <c r="AV9" s="663"/>
      <c r="AW9" s="663"/>
      <c r="AX9" s="663"/>
      <c r="AY9" s="663"/>
      <c r="AZ9" s="663"/>
      <c r="BA9" s="663"/>
      <c r="BB9" s="663"/>
      <c r="BC9" s="663"/>
      <c r="BD9" s="663"/>
      <c r="BE9" s="663"/>
      <c r="BF9" s="664"/>
      <c r="BG9" s="665">
        <v>320844</v>
      </c>
      <c r="BH9" s="666"/>
      <c r="BI9" s="666"/>
      <c r="BJ9" s="666"/>
      <c r="BK9" s="666"/>
      <c r="BL9" s="666"/>
      <c r="BM9" s="666"/>
      <c r="BN9" s="667"/>
      <c r="BO9" s="692">
        <v>36.299999999999997</v>
      </c>
      <c r="BP9" s="692"/>
      <c r="BQ9" s="692"/>
      <c r="BR9" s="692"/>
      <c r="BS9" s="693" t="s">
        <v>126</v>
      </c>
      <c r="BT9" s="693"/>
      <c r="BU9" s="693"/>
      <c r="BV9" s="693"/>
      <c r="BW9" s="693"/>
      <c r="BX9" s="693"/>
      <c r="BY9" s="693"/>
      <c r="BZ9" s="693"/>
      <c r="CA9" s="693"/>
      <c r="CB9" s="751"/>
      <c r="CD9" s="707" t="s">
        <v>239</v>
      </c>
      <c r="CE9" s="704"/>
      <c r="CF9" s="704"/>
      <c r="CG9" s="704"/>
      <c r="CH9" s="704"/>
      <c r="CI9" s="704"/>
      <c r="CJ9" s="704"/>
      <c r="CK9" s="704"/>
      <c r="CL9" s="704"/>
      <c r="CM9" s="704"/>
      <c r="CN9" s="704"/>
      <c r="CO9" s="704"/>
      <c r="CP9" s="704"/>
      <c r="CQ9" s="705"/>
      <c r="CR9" s="665">
        <v>676309</v>
      </c>
      <c r="CS9" s="666"/>
      <c r="CT9" s="666"/>
      <c r="CU9" s="666"/>
      <c r="CV9" s="666"/>
      <c r="CW9" s="666"/>
      <c r="CX9" s="666"/>
      <c r="CY9" s="667"/>
      <c r="CZ9" s="692">
        <v>16.600000000000001</v>
      </c>
      <c r="DA9" s="692"/>
      <c r="DB9" s="692"/>
      <c r="DC9" s="692"/>
      <c r="DD9" s="671">
        <v>28702</v>
      </c>
      <c r="DE9" s="666"/>
      <c r="DF9" s="666"/>
      <c r="DG9" s="666"/>
      <c r="DH9" s="666"/>
      <c r="DI9" s="666"/>
      <c r="DJ9" s="666"/>
      <c r="DK9" s="666"/>
      <c r="DL9" s="666"/>
      <c r="DM9" s="666"/>
      <c r="DN9" s="666"/>
      <c r="DO9" s="666"/>
      <c r="DP9" s="667"/>
      <c r="DQ9" s="671">
        <v>456786</v>
      </c>
      <c r="DR9" s="666"/>
      <c r="DS9" s="666"/>
      <c r="DT9" s="666"/>
      <c r="DU9" s="666"/>
      <c r="DV9" s="666"/>
      <c r="DW9" s="666"/>
      <c r="DX9" s="666"/>
      <c r="DY9" s="666"/>
      <c r="DZ9" s="666"/>
      <c r="EA9" s="666"/>
      <c r="EB9" s="666"/>
      <c r="EC9" s="706"/>
    </row>
    <row r="10" spans="2:143" ht="11.25" customHeight="1" x14ac:dyDescent="0.2">
      <c r="B10" s="662" t="s">
        <v>240</v>
      </c>
      <c r="C10" s="663"/>
      <c r="D10" s="663"/>
      <c r="E10" s="663"/>
      <c r="F10" s="663"/>
      <c r="G10" s="663"/>
      <c r="H10" s="663"/>
      <c r="I10" s="663"/>
      <c r="J10" s="663"/>
      <c r="K10" s="663"/>
      <c r="L10" s="663"/>
      <c r="M10" s="663"/>
      <c r="N10" s="663"/>
      <c r="O10" s="663"/>
      <c r="P10" s="663"/>
      <c r="Q10" s="664"/>
      <c r="R10" s="665" t="s">
        <v>126</v>
      </c>
      <c r="S10" s="666"/>
      <c r="T10" s="666"/>
      <c r="U10" s="666"/>
      <c r="V10" s="666"/>
      <c r="W10" s="666"/>
      <c r="X10" s="666"/>
      <c r="Y10" s="667"/>
      <c r="Z10" s="692" t="s">
        <v>126</v>
      </c>
      <c r="AA10" s="692"/>
      <c r="AB10" s="692"/>
      <c r="AC10" s="692"/>
      <c r="AD10" s="693" t="s">
        <v>126</v>
      </c>
      <c r="AE10" s="693"/>
      <c r="AF10" s="693"/>
      <c r="AG10" s="693"/>
      <c r="AH10" s="693"/>
      <c r="AI10" s="693"/>
      <c r="AJ10" s="693"/>
      <c r="AK10" s="693"/>
      <c r="AL10" s="668" t="s">
        <v>126</v>
      </c>
      <c r="AM10" s="669"/>
      <c r="AN10" s="669"/>
      <c r="AO10" s="694"/>
      <c r="AP10" s="662" t="s">
        <v>241</v>
      </c>
      <c r="AQ10" s="663"/>
      <c r="AR10" s="663"/>
      <c r="AS10" s="663"/>
      <c r="AT10" s="663"/>
      <c r="AU10" s="663"/>
      <c r="AV10" s="663"/>
      <c r="AW10" s="663"/>
      <c r="AX10" s="663"/>
      <c r="AY10" s="663"/>
      <c r="AZ10" s="663"/>
      <c r="BA10" s="663"/>
      <c r="BB10" s="663"/>
      <c r="BC10" s="663"/>
      <c r="BD10" s="663"/>
      <c r="BE10" s="663"/>
      <c r="BF10" s="664"/>
      <c r="BG10" s="665">
        <v>17686</v>
      </c>
      <c r="BH10" s="666"/>
      <c r="BI10" s="666"/>
      <c r="BJ10" s="666"/>
      <c r="BK10" s="666"/>
      <c r="BL10" s="666"/>
      <c r="BM10" s="666"/>
      <c r="BN10" s="667"/>
      <c r="BO10" s="692">
        <v>2</v>
      </c>
      <c r="BP10" s="692"/>
      <c r="BQ10" s="692"/>
      <c r="BR10" s="692"/>
      <c r="BS10" s="693" t="s">
        <v>126</v>
      </c>
      <c r="BT10" s="693"/>
      <c r="BU10" s="693"/>
      <c r="BV10" s="693"/>
      <c r="BW10" s="693"/>
      <c r="BX10" s="693"/>
      <c r="BY10" s="693"/>
      <c r="BZ10" s="693"/>
      <c r="CA10" s="693"/>
      <c r="CB10" s="751"/>
      <c r="CD10" s="707" t="s">
        <v>242</v>
      </c>
      <c r="CE10" s="704"/>
      <c r="CF10" s="704"/>
      <c r="CG10" s="704"/>
      <c r="CH10" s="704"/>
      <c r="CI10" s="704"/>
      <c r="CJ10" s="704"/>
      <c r="CK10" s="704"/>
      <c r="CL10" s="704"/>
      <c r="CM10" s="704"/>
      <c r="CN10" s="704"/>
      <c r="CO10" s="704"/>
      <c r="CP10" s="704"/>
      <c r="CQ10" s="705"/>
      <c r="CR10" s="665" t="s">
        <v>126</v>
      </c>
      <c r="CS10" s="666"/>
      <c r="CT10" s="666"/>
      <c r="CU10" s="666"/>
      <c r="CV10" s="666"/>
      <c r="CW10" s="666"/>
      <c r="CX10" s="666"/>
      <c r="CY10" s="667"/>
      <c r="CZ10" s="692" t="s">
        <v>126</v>
      </c>
      <c r="DA10" s="692"/>
      <c r="DB10" s="692"/>
      <c r="DC10" s="692"/>
      <c r="DD10" s="671" t="s">
        <v>126</v>
      </c>
      <c r="DE10" s="666"/>
      <c r="DF10" s="666"/>
      <c r="DG10" s="666"/>
      <c r="DH10" s="666"/>
      <c r="DI10" s="666"/>
      <c r="DJ10" s="666"/>
      <c r="DK10" s="666"/>
      <c r="DL10" s="666"/>
      <c r="DM10" s="666"/>
      <c r="DN10" s="666"/>
      <c r="DO10" s="666"/>
      <c r="DP10" s="667"/>
      <c r="DQ10" s="671" t="s">
        <v>126</v>
      </c>
      <c r="DR10" s="666"/>
      <c r="DS10" s="666"/>
      <c r="DT10" s="666"/>
      <c r="DU10" s="666"/>
      <c r="DV10" s="666"/>
      <c r="DW10" s="666"/>
      <c r="DX10" s="666"/>
      <c r="DY10" s="666"/>
      <c r="DZ10" s="666"/>
      <c r="EA10" s="666"/>
      <c r="EB10" s="666"/>
      <c r="EC10" s="706"/>
    </row>
    <row r="11" spans="2:143" ht="11.25" customHeight="1" x14ac:dyDescent="0.2">
      <c r="B11" s="662" t="s">
        <v>243</v>
      </c>
      <c r="C11" s="663"/>
      <c r="D11" s="663"/>
      <c r="E11" s="663"/>
      <c r="F11" s="663"/>
      <c r="G11" s="663"/>
      <c r="H11" s="663"/>
      <c r="I11" s="663"/>
      <c r="J11" s="663"/>
      <c r="K11" s="663"/>
      <c r="L11" s="663"/>
      <c r="M11" s="663"/>
      <c r="N11" s="663"/>
      <c r="O11" s="663"/>
      <c r="P11" s="663"/>
      <c r="Q11" s="664"/>
      <c r="R11" s="665">
        <v>147497</v>
      </c>
      <c r="S11" s="666"/>
      <c r="T11" s="666"/>
      <c r="U11" s="666"/>
      <c r="V11" s="666"/>
      <c r="W11" s="666"/>
      <c r="X11" s="666"/>
      <c r="Y11" s="667"/>
      <c r="Z11" s="668">
        <v>3.3</v>
      </c>
      <c r="AA11" s="669"/>
      <c r="AB11" s="669"/>
      <c r="AC11" s="670"/>
      <c r="AD11" s="671">
        <v>147497</v>
      </c>
      <c r="AE11" s="666"/>
      <c r="AF11" s="666"/>
      <c r="AG11" s="666"/>
      <c r="AH11" s="666"/>
      <c r="AI11" s="666"/>
      <c r="AJ11" s="666"/>
      <c r="AK11" s="667"/>
      <c r="AL11" s="668">
        <v>6.1</v>
      </c>
      <c r="AM11" s="669"/>
      <c r="AN11" s="669"/>
      <c r="AO11" s="694"/>
      <c r="AP11" s="662" t="s">
        <v>244</v>
      </c>
      <c r="AQ11" s="663"/>
      <c r="AR11" s="663"/>
      <c r="AS11" s="663"/>
      <c r="AT11" s="663"/>
      <c r="AU11" s="663"/>
      <c r="AV11" s="663"/>
      <c r="AW11" s="663"/>
      <c r="AX11" s="663"/>
      <c r="AY11" s="663"/>
      <c r="AZ11" s="663"/>
      <c r="BA11" s="663"/>
      <c r="BB11" s="663"/>
      <c r="BC11" s="663"/>
      <c r="BD11" s="663"/>
      <c r="BE11" s="663"/>
      <c r="BF11" s="664"/>
      <c r="BG11" s="665">
        <v>8052</v>
      </c>
      <c r="BH11" s="666"/>
      <c r="BI11" s="666"/>
      <c r="BJ11" s="666"/>
      <c r="BK11" s="666"/>
      <c r="BL11" s="666"/>
      <c r="BM11" s="666"/>
      <c r="BN11" s="667"/>
      <c r="BO11" s="692">
        <v>0.9</v>
      </c>
      <c r="BP11" s="692"/>
      <c r="BQ11" s="692"/>
      <c r="BR11" s="692"/>
      <c r="BS11" s="693" t="s">
        <v>126</v>
      </c>
      <c r="BT11" s="693"/>
      <c r="BU11" s="693"/>
      <c r="BV11" s="693"/>
      <c r="BW11" s="693"/>
      <c r="BX11" s="693"/>
      <c r="BY11" s="693"/>
      <c r="BZ11" s="693"/>
      <c r="CA11" s="693"/>
      <c r="CB11" s="751"/>
      <c r="CD11" s="707" t="s">
        <v>245</v>
      </c>
      <c r="CE11" s="704"/>
      <c r="CF11" s="704"/>
      <c r="CG11" s="704"/>
      <c r="CH11" s="704"/>
      <c r="CI11" s="704"/>
      <c r="CJ11" s="704"/>
      <c r="CK11" s="704"/>
      <c r="CL11" s="704"/>
      <c r="CM11" s="704"/>
      <c r="CN11" s="704"/>
      <c r="CO11" s="704"/>
      <c r="CP11" s="704"/>
      <c r="CQ11" s="705"/>
      <c r="CR11" s="665">
        <v>66473</v>
      </c>
      <c r="CS11" s="666"/>
      <c r="CT11" s="666"/>
      <c r="CU11" s="666"/>
      <c r="CV11" s="666"/>
      <c r="CW11" s="666"/>
      <c r="CX11" s="666"/>
      <c r="CY11" s="667"/>
      <c r="CZ11" s="692">
        <v>1.6</v>
      </c>
      <c r="DA11" s="692"/>
      <c r="DB11" s="692"/>
      <c r="DC11" s="692"/>
      <c r="DD11" s="671">
        <v>13972</v>
      </c>
      <c r="DE11" s="666"/>
      <c r="DF11" s="666"/>
      <c r="DG11" s="666"/>
      <c r="DH11" s="666"/>
      <c r="DI11" s="666"/>
      <c r="DJ11" s="666"/>
      <c r="DK11" s="666"/>
      <c r="DL11" s="666"/>
      <c r="DM11" s="666"/>
      <c r="DN11" s="666"/>
      <c r="DO11" s="666"/>
      <c r="DP11" s="667"/>
      <c r="DQ11" s="671">
        <v>23775</v>
      </c>
      <c r="DR11" s="666"/>
      <c r="DS11" s="666"/>
      <c r="DT11" s="666"/>
      <c r="DU11" s="666"/>
      <c r="DV11" s="666"/>
      <c r="DW11" s="666"/>
      <c r="DX11" s="666"/>
      <c r="DY11" s="666"/>
      <c r="DZ11" s="666"/>
      <c r="EA11" s="666"/>
      <c r="EB11" s="666"/>
      <c r="EC11" s="706"/>
    </row>
    <row r="12" spans="2:143" ht="11.25" customHeight="1" x14ac:dyDescent="0.2">
      <c r="B12" s="662" t="s">
        <v>246</v>
      </c>
      <c r="C12" s="663"/>
      <c r="D12" s="663"/>
      <c r="E12" s="663"/>
      <c r="F12" s="663"/>
      <c r="G12" s="663"/>
      <c r="H12" s="663"/>
      <c r="I12" s="663"/>
      <c r="J12" s="663"/>
      <c r="K12" s="663"/>
      <c r="L12" s="663"/>
      <c r="M12" s="663"/>
      <c r="N12" s="663"/>
      <c r="O12" s="663"/>
      <c r="P12" s="663"/>
      <c r="Q12" s="664"/>
      <c r="R12" s="665" t="s">
        <v>126</v>
      </c>
      <c r="S12" s="666"/>
      <c r="T12" s="666"/>
      <c r="U12" s="666"/>
      <c r="V12" s="666"/>
      <c r="W12" s="666"/>
      <c r="X12" s="666"/>
      <c r="Y12" s="667"/>
      <c r="Z12" s="692" t="s">
        <v>126</v>
      </c>
      <c r="AA12" s="692"/>
      <c r="AB12" s="692"/>
      <c r="AC12" s="692"/>
      <c r="AD12" s="693" t="s">
        <v>126</v>
      </c>
      <c r="AE12" s="693"/>
      <c r="AF12" s="693"/>
      <c r="AG12" s="693"/>
      <c r="AH12" s="693"/>
      <c r="AI12" s="693"/>
      <c r="AJ12" s="693"/>
      <c r="AK12" s="693"/>
      <c r="AL12" s="668" t="s">
        <v>126</v>
      </c>
      <c r="AM12" s="669"/>
      <c r="AN12" s="669"/>
      <c r="AO12" s="694"/>
      <c r="AP12" s="662" t="s">
        <v>247</v>
      </c>
      <c r="AQ12" s="663"/>
      <c r="AR12" s="663"/>
      <c r="AS12" s="663"/>
      <c r="AT12" s="663"/>
      <c r="AU12" s="663"/>
      <c r="AV12" s="663"/>
      <c r="AW12" s="663"/>
      <c r="AX12" s="663"/>
      <c r="AY12" s="663"/>
      <c r="AZ12" s="663"/>
      <c r="BA12" s="663"/>
      <c r="BB12" s="663"/>
      <c r="BC12" s="663"/>
      <c r="BD12" s="663"/>
      <c r="BE12" s="663"/>
      <c r="BF12" s="664"/>
      <c r="BG12" s="665">
        <v>460572</v>
      </c>
      <c r="BH12" s="666"/>
      <c r="BI12" s="666"/>
      <c r="BJ12" s="666"/>
      <c r="BK12" s="666"/>
      <c r="BL12" s="666"/>
      <c r="BM12" s="666"/>
      <c r="BN12" s="667"/>
      <c r="BO12" s="692">
        <v>52.1</v>
      </c>
      <c r="BP12" s="692"/>
      <c r="BQ12" s="692"/>
      <c r="BR12" s="692"/>
      <c r="BS12" s="693" t="s">
        <v>126</v>
      </c>
      <c r="BT12" s="693"/>
      <c r="BU12" s="693"/>
      <c r="BV12" s="693"/>
      <c r="BW12" s="693"/>
      <c r="BX12" s="693"/>
      <c r="BY12" s="693"/>
      <c r="BZ12" s="693"/>
      <c r="CA12" s="693"/>
      <c r="CB12" s="751"/>
      <c r="CD12" s="707" t="s">
        <v>248</v>
      </c>
      <c r="CE12" s="704"/>
      <c r="CF12" s="704"/>
      <c r="CG12" s="704"/>
      <c r="CH12" s="704"/>
      <c r="CI12" s="704"/>
      <c r="CJ12" s="704"/>
      <c r="CK12" s="704"/>
      <c r="CL12" s="704"/>
      <c r="CM12" s="704"/>
      <c r="CN12" s="704"/>
      <c r="CO12" s="704"/>
      <c r="CP12" s="704"/>
      <c r="CQ12" s="705"/>
      <c r="CR12" s="665">
        <v>81906</v>
      </c>
      <c r="CS12" s="666"/>
      <c r="CT12" s="666"/>
      <c r="CU12" s="666"/>
      <c r="CV12" s="666"/>
      <c r="CW12" s="666"/>
      <c r="CX12" s="666"/>
      <c r="CY12" s="667"/>
      <c r="CZ12" s="692">
        <v>2</v>
      </c>
      <c r="DA12" s="692"/>
      <c r="DB12" s="692"/>
      <c r="DC12" s="692"/>
      <c r="DD12" s="671">
        <v>7166</v>
      </c>
      <c r="DE12" s="666"/>
      <c r="DF12" s="666"/>
      <c r="DG12" s="666"/>
      <c r="DH12" s="666"/>
      <c r="DI12" s="666"/>
      <c r="DJ12" s="666"/>
      <c r="DK12" s="666"/>
      <c r="DL12" s="666"/>
      <c r="DM12" s="666"/>
      <c r="DN12" s="666"/>
      <c r="DO12" s="666"/>
      <c r="DP12" s="667"/>
      <c r="DQ12" s="671">
        <v>63074</v>
      </c>
      <c r="DR12" s="666"/>
      <c r="DS12" s="666"/>
      <c r="DT12" s="666"/>
      <c r="DU12" s="666"/>
      <c r="DV12" s="666"/>
      <c r="DW12" s="666"/>
      <c r="DX12" s="666"/>
      <c r="DY12" s="666"/>
      <c r="DZ12" s="666"/>
      <c r="EA12" s="666"/>
      <c r="EB12" s="666"/>
      <c r="EC12" s="706"/>
    </row>
    <row r="13" spans="2:143" ht="11.25" customHeight="1" x14ac:dyDescent="0.2">
      <c r="B13" s="662" t="s">
        <v>249</v>
      </c>
      <c r="C13" s="663"/>
      <c r="D13" s="663"/>
      <c r="E13" s="663"/>
      <c r="F13" s="663"/>
      <c r="G13" s="663"/>
      <c r="H13" s="663"/>
      <c r="I13" s="663"/>
      <c r="J13" s="663"/>
      <c r="K13" s="663"/>
      <c r="L13" s="663"/>
      <c r="M13" s="663"/>
      <c r="N13" s="663"/>
      <c r="O13" s="663"/>
      <c r="P13" s="663"/>
      <c r="Q13" s="664"/>
      <c r="R13" s="665" t="s">
        <v>126</v>
      </c>
      <c r="S13" s="666"/>
      <c r="T13" s="666"/>
      <c r="U13" s="666"/>
      <c r="V13" s="666"/>
      <c r="W13" s="666"/>
      <c r="X13" s="666"/>
      <c r="Y13" s="667"/>
      <c r="Z13" s="692" t="s">
        <v>126</v>
      </c>
      <c r="AA13" s="692"/>
      <c r="AB13" s="692"/>
      <c r="AC13" s="692"/>
      <c r="AD13" s="693" t="s">
        <v>126</v>
      </c>
      <c r="AE13" s="693"/>
      <c r="AF13" s="693"/>
      <c r="AG13" s="693"/>
      <c r="AH13" s="693"/>
      <c r="AI13" s="693"/>
      <c r="AJ13" s="693"/>
      <c r="AK13" s="693"/>
      <c r="AL13" s="668" t="s">
        <v>126</v>
      </c>
      <c r="AM13" s="669"/>
      <c r="AN13" s="669"/>
      <c r="AO13" s="694"/>
      <c r="AP13" s="662" t="s">
        <v>250</v>
      </c>
      <c r="AQ13" s="663"/>
      <c r="AR13" s="663"/>
      <c r="AS13" s="663"/>
      <c r="AT13" s="663"/>
      <c r="AU13" s="663"/>
      <c r="AV13" s="663"/>
      <c r="AW13" s="663"/>
      <c r="AX13" s="663"/>
      <c r="AY13" s="663"/>
      <c r="AZ13" s="663"/>
      <c r="BA13" s="663"/>
      <c r="BB13" s="663"/>
      <c r="BC13" s="663"/>
      <c r="BD13" s="663"/>
      <c r="BE13" s="663"/>
      <c r="BF13" s="664"/>
      <c r="BG13" s="665">
        <v>460572</v>
      </c>
      <c r="BH13" s="666"/>
      <c r="BI13" s="666"/>
      <c r="BJ13" s="666"/>
      <c r="BK13" s="666"/>
      <c r="BL13" s="666"/>
      <c r="BM13" s="666"/>
      <c r="BN13" s="667"/>
      <c r="BO13" s="692">
        <v>52.1</v>
      </c>
      <c r="BP13" s="692"/>
      <c r="BQ13" s="692"/>
      <c r="BR13" s="692"/>
      <c r="BS13" s="693" t="s">
        <v>126</v>
      </c>
      <c r="BT13" s="693"/>
      <c r="BU13" s="693"/>
      <c r="BV13" s="693"/>
      <c r="BW13" s="693"/>
      <c r="BX13" s="693"/>
      <c r="BY13" s="693"/>
      <c r="BZ13" s="693"/>
      <c r="CA13" s="693"/>
      <c r="CB13" s="751"/>
      <c r="CD13" s="707" t="s">
        <v>251</v>
      </c>
      <c r="CE13" s="704"/>
      <c r="CF13" s="704"/>
      <c r="CG13" s="704"/>
      <c r="CH13" s="704"/>
      <c r="CI13" s="704"/>
      <c r="CJ13" s="704"/>
      <c r="CK13" s="704"/>
      <c r="CL13" s="704"/>
      <c r="CM13" s="704"/>
      <c r="CN13" s="704"/>
      <c r="CO13" s="704"/>
      <c r="CP13" s="704"/>
      <c r="CQ13" s="705"/>
      <c r="CR13" s="665">
        <v>285080</v>
      </c>
      <c r="CS13" s="666"/>
      <c r="CT13" s="666"/>
      <c r="CU13" s="666"/>
      <c r="CV13" s="666"/>
      <c r="CW13" s="666"/>
      <c r="CX13" s="666"/>
      <c r="CY13" s="667"/>
      <c r="CZ13" s="692">
        <v>7</v>
      </c>
      <c r="DA13" s="692"/>
      <c r="DB13" s="692"/>
      <c r="DC13" s="692"/>
      <c r="DD13" s="671">
        <v>74556</v>
      </c>
      <c r="DE13" s="666"/>
      <c r="DF13" s="666"/>
      <c r="DG13" s="666"/>
      <c r="DH13" s="666"/>
      <c r="DI13" s="666"/>
      <c r="DJ13" s="666"/>
      <c r="DK13" s="666"/>
      <c r="DL13" s="666"/>
      <c r="DM13" s="666"/>
      <c r="DN13" s="666"/>
      <c r="DO13" s="666"/>
      <c r="DP13" s="667"/>
      <c r="DQ13" s="671">
        <v>181537</v>
      </c>
      <c r="DR13" s="666"/>
      <c r="DS13" s="666"/>
      <c r="DT13" s="666"/>
      <c r="DU13" s="666"/>
      <c r="DV13" s="666"/>
      <c r="DW13" s="666"/>
      <c r="DX13" s="666"/>
      <c r="DY13" s="666"/>
      <c r="DZ13" s="666"/>
      <c r="EA13" s="666"/>
      <c r="EB13" s="666"/>
      <c r="EC13" s="706"/>
    </row>
    <row r="14" spans="2:143" ht="11.25" customHeight="1" x14ac:dyDescent="0.2">
      <c r="B14" s="662" t="s">
        <v>252</v>
      </c>
      <c r="C14" s="663"/>
      <c r="D14" s="663"/>
      <c r="E14" s="663"/>
      <c r="F14" s="663"/>
      <c r="G14" s="663"/>
      <c r="H14" s="663"/>
      <c r="I14" s="663"/>
      <c r="J14" s="663"/>
      <c r="K14" s="663"/>
      <c r="L14" s="663"/>
      <c r="M14" s="663"/>
      <c r="N14" s="663"/>
      <c r="O14" s="663"/>
      <c r="P14" s="663"/>
      <c r="Q14" s="664"/>
      <c r="R14" s="665" t="s">
        <v>126</v>
      </c>
      <c r="S14" s="666"/>
      <c r="T14" s="666"/>
      <c r="U14" s="666"/>
      <c r="V14" s="666"/>
      <c r="W14" s="666"/>
      <c r="X14" s="666"/>
      <c r="Y14" s="667"/>
      <c r="Z14" s="692" t="s">
        <v>126</v>
      </c>
      <c r="AA14" s="692"/>
      <c r="AB14" s="692"/>
      <c r="AC14" s="692"/>
      <c r="AD14" s="693" t="s">
        <v>126</v>
      </c>
      <c r="AE14" s="693"/>
      <c r="AF14" s="693"/>
      <c r="AG14" s="693"/>
      <c r="AH14" s="693"/>
      <c r="AI14" s="693"/>
      <c r="AJ14" s="693"/>
      <c r="AK14" s="693"/>
      <c r="AL14" s="668" t="s">
        <v>126</v>
      </c>
      <c r="AM14" s="669"/>
      <c r="AN14" s="669"/>
      <c r="AO14" s="694"/>
      <c r="AP14" s="662" t="s">
        <v>253</v>
      </c>
      <c r="AQ14" s="663"/>
      <c r="AR14" s="663"/>
      <c r="AS14" s="663"/>
      <c r="AT14" s="663"/>
      <c r="AU14" s="663"/>
      <c r="AV14" s="663"/>
      <c r="AW14" s="663"/>
      <c r="AX14" s="663"/>
      <c r="AY14" s="663"/>
      <c r="AZ14" s="663"/>
      <c r="BA14" s="663"/>
      <c r="BB14" s="663"/>
      <c r="BC14" s="663"/>
      <c r="BD14" s="663"/>
      <c r="BE14" s="663"/>
      <c r="BF14" s="664"/>
      <c r="BG14" s="665">
        <v>17489</v>
      </c>
      <c r="BH14" s="666"/>
      <c r="BI14" s="666"/>
      <c r="BJ14" s="666"/>
      <c r="BK14" s="666"/>
      <c r="BL14" s="666"/>
      <c r="BM14" s="666"/>
      <c r="BN14" s="667"/>
      <c r="BO14" s="692">
        <v>2</v>
      </c>
      <c r="BP14" s="692"/>
      <c r="BQ14" s="692"/>
      <c r="BR14" s="692"/>
      <c r="BS14" s="693" t="s">
        <v>126</v>
      </c>
      <c r="BT14" s="693"/>
      <c r="BU14" s="693"/>
      <c r="BV14" s="693"/>
      <c r="BW14" s="693"/>
      <c r="BX14" s="693"/>
      <c r="BY14" s="693"/>
      <c r="BZ14" s="693"/>
      <c r="CA14" s="693"/>
      <c r="CB14" s="751"/>
      <c r="CD14" s="707" t="s">
        <v>254</v>
      </c>
      <c r="CE14" s="704"/>
      <c r="CF14" s="704"/>
      <c r="CG14" s="704"/>
      <c r="CH14" s="704"/>
      <c r="CI14" s="704"/>
      <c r="CJ14" s="704"/>
      <c r="CK14" s="704"/>
      <c r="CL14" s="704"/>
      <c r="CM14" s="704"/>
      <c r="CN14" s="704"/>
      <c r="CO14" s="704"/>
      <c r="CP14" s="704"/>
      <c r="CQ14" s="705"/>
      <c r="CR14" s="665">
        <v>204461</v>
      </c>
      <c r="CS14" s="666"/>
      <c r="CT14" s="666"/>
      <c r="CU14" s="666"/>
      <c r="CV14" s="666"/>
      <c r="CW14" s="666"/>
      <c r="CX14" s="666"/>
      <c r="CY14" s="667"/>
      <c r="CZ14" s="692">
        <v>5</v>
      </c>
      <c r="DA14" s="692"/>
      <c r="DB14" s="692"/>
      <c r="DC14" s="692"/>
      <c r="DD14" s="671">
        <v>26881</v>
      </c>
      <c r="DE14" s="666"/>
      <c r="DF14" s="666"/>
      <c r="DG14" s="666"/>
      <c r="DH14" s="666"/>
      <c r="DI14" s="666"/>
      <c r="DJ14" s="666"/>
      <c r="DK14" s="666"/>
      <c r="DL14" s="666"/>
      <c r="DM14" s="666"/>
      <c r="DN14" s="666"/>
      <c r="DO14" s="666"/>
      <c r="DP14" s="667"/>
      <c r="DQ14" s="671">
        <v>169059</v>
      </c>
      <c r="DR14" s="666"/>
      <c r="DS14" s="666"/>
      <c r="DT14" s="666"/>
      <c r="DU14" s="666"/>
      <c r="DV14" s="666"/>
      <c r="DW14" s="666"/>
      <c r="DX14" s="666"/>
      <c r="DY14" s="666"/>
      <c r="DZ14" s="666"/>
      <c r="EA14" s="666"/>
      <c r="EB14" s="666"/>
      <c r="EC14" s="706"/>
    </row>
    <row r="15" spans="2:143" ht="11.25" customHeight="1" x14ac:dyDescent="0.2">
      <c r="B15" s="662" t="s">
        <v>255</v>
      </c>
      <c r="C15" s="663"/>
      <c r="D15" s="663"/>
      <c r="E15" s="663"/>
      <c r="F15" s="663"/>
      <c r="G15" s="663"/>
      <c r="H15" s="663"/>
      <c r="I15" s="663"/>
      <c r="J15" s="663"/>
      <c r="K15" s="663"/>
      <c r="L15" s="663"/>
      <c r="M15" s="663"/>
      <c r="N15" s="663"/>
      <c r="O15" s="663"/>
      <c r="P15" s="663"/>
      <c r="Q15" s="664"/>
      <c r="R15" s="665" t="s">
        <v>126</v>
      </c>
      <c r="S15" s="666"/>
      <c r="T15" s="666"/>
      <c r="U15" s="666"/>
      <c r="V15" s="666"/>
      <c r="W15" s="666"/>
      <c r="X15" s="666"/>
      <c r="Y15" s="667"/>
      <c r="Z15" s="692" t="s">
        <v>126</v>
      </c>
      <c r="AA15" s="692"/>
      <c r="AB15" s="692"/>
      <c r="AC15" s="692"/>
      <c r="AD15" s="693" t="s">
        <v>126</v>
      </c>
      <c r="AE15" s="693"/>
      <c r="AF15" s="693"/>
      <c r="AG15" s="693"/>
      <c r="AH15" s="693"/>
      <c r="AI15" s="693"/>
      <c r="AJ15" s="693"/>
      <c r="AK15" s="693"/>
      <c r="AL15" s="668" t="s">
        <v>126</v>
      </c>
      <c r="AM15" s="669"/>
      <c r="AN15" s="669"/>
      <c r="AO15" s="694"/>
      <c r="AP15" s="662" t="s">
        <v>256</v>
      </c>
      <c r="AQ15" s="663"/>
      <c r="AR15" s="663"/>
      <c r="AS15" s="663"/>
      <c r="AT15" s="663"/>
      <c r="AU15" s="663"/>
      <c r="AV15" s="663"/>
      <c r="AW15" s="663"/>
      <c r="AX15" s="663"/>
      <c r="AY15" s="663"/>
      <c r="AZ15" s="663"/>
      <c r="BA15" s="663"/>
      <c r="BB15" s="663"/>
      <c r="BC15" s="663"/>
      <c r="BD15" s="663"/>
      <c r="BE15" s="663"/>
      <c r="BF15" s="664"/>
      <c r="BG15" s="665">
        <v>46344</v>
      </c>
      <c r="BH15" s="666"/>
      <c r="BI15" s="666"/>
      <c r="BJ15" s="666"/>
      <c r="BK15" s="666"/>
      <c r="BL15" s="666"/>
      <c r="BM15" s="666"/>
      <c r="BN15" s="667"/>
      <c r="BO15" s="692">
        <v>5.2</v>
      </c>
      <c r="BP15" s="692"/>
      <c r="BQ15" s="692"/>
      <c r="BR15" s="692"/>
      <c r="BS15" s="693" t="s">
        <v>126</v>
      </c>
      <c r="BT15" s="693"/>
      <c r="BU15" s="693"/>
      <c r="BV15" s="693"/>
      <c r="BW15" s="693"/>
      <c r="BX15" s="693"/>
      <c r="BY15" s="693"/>
      <c r="BZ15" s="693"/>
      <c r="CA15" s="693"/>
      <c r="CB15" s="751"/>
      <c r="CD15" s="707" t="s">
        <v>257</v>
      </c>
      <c r="CE15" s="704"/>
      <c r="CF15" s="704"/>
      <c r="CG15" s="704"/>
      <c r="CH15" s="704"/>
      <c r="CI15" s="704"/>
      <c r="CJ15" s="704"/>
      <c r="CK15" s="704"/>
      <c r="CL15" s="704"/>
      <c r="CM15" s="704"/>
      <c r="CN15" s="704"/>
      <c r="CO15" s="704"/>
      <c r="CP15" s="704"/>
      <c r="CQ15" s="705"/>
      <c r="CR15" s="665">
        <v>340749</v>
      </c>
      <c r="CS15" s="666"/>
      <c r="CT15" s="666"/>
      <c r="CU15" s="666"/>
      <c r="CV15" s="666"/>
      <c r="CW15" s="666"/>
      <c r="CX15" s="666"/>
      <c r="CY15" s="667"/>
      <c r="CZ15" s="692">
        <v>8.4</v>
      </c>
      <c r="DA15" s="692"/>
      <c r="DB15" s="692"/>
      <c r="DC15" s="692"/>
      <c r="DD15" s="671">
        <v>543</v>
      </c>
      <c r="DE15" s="666"/>
      <c r="DF15" s="666"/>
      <c r="DG15" s="666"/>
      <c r="DH15" s="666"/>
      <c r="DI15" s="666"/>
      <c r="DJ15" s="666"/>
      <c r="DK15" s="666"/>
      <c r="DL15" s="666"/>
      <c r="DM15" s="666"/>
      <c r="DN15" s="666"/>
      <c r="DO15" s="666"/>
      <c r="DP15" s="667"/>
      <c r="DQ15" s="671">
        <v>319601</v>
      </c>
      <c r="DR15" s="666"/>
      <c r="DS15" s="666"/>
      <c r="DT15" s="666"/>
      <c r="DU15" s="666"/>
      <c r="DV15" s="666"/>
      <c r="DW15" s="666"/>
      <c r="DX15" s="666"/>
      <c r="DY15" s="666"/>
      <c r="DZ15" s="666"/>
      <c r="EA15" s="666"/>
      <c r="EB15" s="666"/>
      <c r="EC15" s="706"/>
    </row>
    <row r="16" spans="2:143" ht="11.25" customHeight="1" x14ac:dyDescent="0.2">
      <c r="B16" s="662" t="s">
        <v>258</v>
      </c>
      <c r="C16" s="663"/>
      <c r="D16" s="663"/>
      <c r="E16" s="663"/>
      <c r="F16" s="663"/>
      <c r="G16" s="663"/>
      <c r="H16" s="663"/>
      <c r="I16" s="663"/>
      <c r="J16" s="663"/>
      <c r="K16" s="663"/>
      <c r="L16" s="663"/>
      <c r="M16" s="663"/>
      <c r="N16" s="663"/>
      <c r="O16" s="663"/>
      <c r="P16" s="663"/>
      <c r="Q16" s="664"/>
      <c r="R16" s="665">
        <v>3650</v>
      </c>
      <c r="S16" s="666"/>
      <c r="T16" s="666"/>
      <c r="U16" s="666"/>
      <c r="V16" s="666"/>
      <c r="W16" s="666"/>
      <c r="X16" s="666"/>
      <c r="Y16" s="667"/>
      <c r="Z16" s="692">
        <v>0.1</v>
      </c>
      <c r="AA16" s="692"/>
      <c r="AB16" s="692"/>
      <c r="AC16" s="692"/>
      <c r="AD16" s="693">
        <v>3650</v>
      </c>
      <c r="AE16" s="693"/>
      <c r="AF16" s="693"/>
      <c r="AG16" s="693"/>
      <c r="AH16" s="693"/>
      <c r="AI16" s="693"/>
      <c r="AJ16" s="693"/>
      <c r="AK16" s="693"/>
      <c r="AL16" s="668">
        <v>0.2</v>
      </c>
      <c r="AM16" s="669"/>
      <c r="AN16" s="669"/>
      <c r="AO16" s="694"/>
      <c r="AP16" s="662" t="s">
        <v>259</v>
      </c>
      <c r="AQ16" s="663"/>
      <c r="AR16" s="663"/>
      <c r="AS16" s="663"/>
      <c r="AT16" s="663"/>
      <c r="AU16" s="663"/>
      <c r="AV16" s="663"/>
      <c r="AW16" s="663"/>
      <c r="AX16" s="663"/>
      <c r="AY16" s="663"/>
      <c r="AZ16" s="663"/>
      <c r="BA16" s="663"/>
      <c r="BB16" s="663"/>
      <c r="BC16" s="663"/>
      <c r="BD16" s="663"/>
      <c r="BE16" s="663"/>
      <c r="BF16" s="664"/>
      <c r="BG16" s="665" t="s">
        <v>126</v>
      </c>
      <c r="BH16" s="666"/>
      <c r="BI16" s="666"/>
      <c r="BJ16" s="666"/>
      <c r="BK16" s="666"/>
      <c r="BL16" s="666"/>
      <c r="BM16" s="666"/>
      <c r="BN16" s="667"/>
      <c r="BO16" s="692" t="s">
        <v>126</v>
      </c>
      <c r="BP16" s="692"/>
      <c r="BQ16" s="692"/>
      <c r="BR16" s="692"/>
      <c r="BS16" s="693" t="s">
        <v>126</v>
      </c>
      <c r="BT16" s="693"/>
      <c r="BU16" s="693"/>
      <c r="BV16" s="693"/>
      <c r="BW16" s="693"/>
      <c r="BX16" s="693"/>
      <c r="BY16" s="693"/>
      <c r="BZ16" s="693"/>
      <c r="CA16" s="693"/>
      <c r="CB16" s="751"/>
      <c r="CD16" s="707" t="s">
        <v>260</v>
      </c>
      <c r="CE16" s="704"/>
      <c r="CF16" s="704"/>
      <c r="CG16" s="704"/>
      <c r="CH16" s="704"/>
      <c r="CI16" s="704"/>
      <c r="CJ16" s="704"/>
      <c r="CK16" s="704"/>
      <c r="CL16" s="704"/>
      <c r="CM16" s="704"/>
      <c r="CN16" s="704"/>
      <c r="CO16" s="704"/>
      <c r="CP16" s="704"/>
      <c r="CQ16" s="705"/>
      <c r="CR16" s="665">
        <v>24251</v>
      </c>
      <c r="CS16" s="666"/>
      <c r="CT16" s="666"/>
      <c r="CU16" s="666"/>
      <c r="CV16" s="666"/>
      <c r="CW16" s="666"/>
      <c r="CX16" s="666"/>
      <c r="CY16" s="667"/>
      <c r="CZ16" s="692">
        <v>0.6</v>
      </c>
      <c r="DA16" s="692"/>
      <c r="DB16" s="692"/>
      <c r="DC16" s="692"/>
      <c r="DD16" s="671" t="s">
        <v>126</v>
      </c>
      <c r="DE16" s="666"/>
      <c r="DF16" s="666"/>
      <c r="DG16" s="666"/>
      <c r="DH16" s="666"/>
      <c r="DI16" s="666"/>
      <c r="DJ16" s="666"/>
      <c r="DK16" s="666"/>
      <c r="DL16" s="666"/>
      <c r="DM16" s="666"/>
      <c r="DN16" s="666"/>
      <c r="DO16" s="666"/>
      <c r="DP16" s="667"/>
      <c r="DQ16" s="671">
        <v>4351</v>
      </c>
      <c r="DR16" s="666"/>
      <c r="DS16" s="666"/>
      <c r="DT16" s="666"/>
      <c r="DU16" s="666"/>
      <c r="DV16" s="666"/>
      <c r="DW16" s="666"/>
      <c r="DX16" s="666"/>
      <c r="DY16" s="666"/>
      <c r="DZ16" s="666"/>
      <c r="EA16" s="666"/>
      <c r="EB16" s="666"/>
      <c r="EC16" s="706"/>
    </row>
    <row r="17" spans="2:133" ht="11.25" customHeight="1" x14ac:dyDescent="0.2">
      <c r="B17" s="662" t="s">
        <v>261</v>
      </c>
      <c r="C17" s="663"/>
      <c r="D17" s="663"/>
      <c r="E17" s="663"/>
      <c r="F17" s="663"/>
      <c r="G17" s="663"/>
      <c r="H17" s="663"/>
      <c r="I17" s="663"/>
      <c r="J17" s="663"/>
      <c r="K17" s="663"/>
      <c r="L17" s="663"/>
      <c r="M17" s="663"/>
      <c r="N17" s="663"/>
      <c r="O17" s="663"/>
      <c r="P17" s="663"/>
      <c r="Q17" s="664"/>
      <c r="R17" s="665">
        <v>4374</v>
      </c>
      <c r="S17" s="666"/>
      <c r="T17" s="666"/>
      <c r="U17" s="666"/>
      <c r="V17" s="666"/>
      <c r="W17" s="666"/>
      <c r="X17" s="666"/>
      <c r="Y17" s="667"/>
      <c r="Z17" s="692">
        <v>0.1</v>
      </c>
      <c r="AA17" s="692"/>
      <c r="AB17" s="692"/>
      <c r="AC17" s="692"/>
      <c r="AD17" s="693">
        <v>4374</v>
      </c>
      <c r="AE17" s="693"/>
      <c r="AF17" s="693"/>
      <c r="AG17" s="693"/>
      <c r="AH17" s="693"/>
      <c r="AI17" s="693"/>
      <c r="AJ17" s="693"/>
      <c r="AK17" s="693"/>
      <c r="AL17" s="668">
        <v>0.2</v>
      </c>
      <c r="AM17" s="669"/>
      <c r="AN17" s="669"/>
      <c r="AO17" s="694"/>
      <c r="AP17" s="662" t="s">
        <v>262</v>
      </c>
      <c r="AQ17" s="663"/>
      <c r="AR17" s="663"/>
      <c r="AS17" s="663"/>
      <c r="AT17" s="663"/>
      <c r="AU17" s="663"/>
      <c r="AV17" s="663"/>
      <c r="AW17" s="663"/>
      <c r="AX17" s="663"/>
      <c r="AY17" s="663"/>
      <c r="AZ17" s="663"/>
      <c r="BA17" s="663"/>
      <c r="BB17" s="663"/>
      <c r="BC17" s="663"/>
      <c r="BD17" s="663"/>
      <c r="BE17" s="663"/>
      <c r="BF17" s="664"/>
      <c r="BG17" s="665" t="s">
        <v>126</v>
      </c>
      <c r="BH17" s="666"/>
      <c r="BI17" s="666"/>
      <c r="BJ17" s="666"/>
      <c r="BK17" s="666"/>
      <c r="BL17" s="666"/>
      <c r="BM17" s="666"/>
      <c r="BN17" s="667"/>
      <c r="BO17" s="692" t="s">
        <v>126</v>
      </c>
      <c r="BP17" s="692"/>
      <c r="BQ17" s="692"/>
      <c r="BR17" s="692"/>
      <c r="BS17" s="693" t="s">
        <v>126</v>
      </c>
      <c r="BT17" s="693"/>
      <c r="BU17" s="693"/>
      <c r="BV17" s="693"/>
      <c r="BW17" s="693"/>
      <c r="BX17" s="693"/>
      <c r="BY17" s="693"/>
      <c r="BZ17" s="693"/>
      <c r="CA17" s="693"/>
      <c r="CB17" s="751"/>
      <c r="CD17" s="707" t="s">
        <v>263</v>
      </c>
      <c r="CE17" s="704"/>
      <c r="CF17" s="704"/>
      <c r="CG17" s="704"/>
      <c r="CH17" s="704"/>
      <c r="CI17" s="704"/>
      <c r="CJ17" s="704"/>
      <c r="CK17" s="704"/>
      <c r="CL17" s="704"/>
      <c r="CM17" s="704"/>
      <c r="CN17" s="704"/>
      <c r="CO17" s="704"/>
      <c r="CP17" s="704"/>
      <c r="CQ17" s="705"/>
      <c r="CR17" s="665">
        <v>385443</v>
      </c>
      <c r="CS17" s="666"/>
      <c r="CT17" s="666"/>
      <c r="CU17" s="666"/>
      <c r="CV17" s="666"/>
      <c r="CW17" s="666"/>
      <c r="CX17" s="666"/>
      <c r="CY17" s="667"/>
      <c r="CZ17" s="692">
        <v>9.5</v>
      </c>
      <c r="DA17" s="692"/>
      <c r="DB17" s="692"/>
      <c r="DC17" s="692"/>
      <c r="DD17" s="671" t="s">
        <v>126</v>
      </c>
      <c r="DE17" s="666"/>
      <c r="DF17" s="666"/>
      <c r="DG17" s="666"/>
      <c r="DH17" s="666"/>
      <c r="DI17" s="666"/>
      <c r="DJ17" s="666"/>
      <c r="DK17" s="666"/>
      <c r="DL17" s="666"/>
      <c r="DM17" s="666"/>
      <c r="DN17" s="666"/>
      <c r="DO17" s="666"/>
      <c r="DP17" s="667"/>
      <c r="DQ17" s="671">
        <v>380111</v>
      </c>
      <c r="DR17" s="666"/>
      <c r="DS17" s="666"/>
      <c r="DT17" s="666"/>
      <c r="DU17" s="666"/>
      <c r="DV17" s="666"/>
      <c r="DW17" s="666"/>
      <c r="DX17" s="666"/>
      <c r="DY17" s="666"/>
      <c r="DZ17" s="666"/>
      <c r="EA17" s="666"/>
      <c r="EB17" s="666"/>
      <c r="EC17" s="706"/>
    </row>
    <row r="18" spans="2:133" ht="11.25" customHeight="1" x14ac:dyDescent="0.2">
      <c r="B18" s="662" t="s">
        <v>264</v>
      </c>
      <c r="C18" s="663"/>
      <c r="D18" s="663"/>
      <c r="E18" s="663"/>
      <c r="F18" s="663"/>
      <c r="G18" s="663"/>
      <c r="H18" s="663"/>
      <c r="I18" s="663"/>
      <c r="J18" s="663"/>
      <c r="K18" s="663"/>
      <c r="L18" s="663"/>
      <c r="M18" s="663"/>
      <c r="N18" s="663"/>
      <c r="O18" s="663"/>
      <c r="P18" s="663"/>
      <c r="Q18" s="664"/>
      <c r="R18" s="665">
        <v>14980</v>
      </c>
      <c r="S18" s="666"/>
      <c r="T18" s="666"/>
      <c r="U18" s="666"/>
      <c r="V18" s="666"/>
      <c r="W18" s="666"/>
      <c r="X18" s="666"/>
      <c r="Y18" s="667"/>
      <c r="Z18" s="692">
        <v>0.3</v>
      </c>
      <c r="AA18" s="692"/>
      <c r="AB18" s="692"/>
      <c r="AC18" s="692"/>
      <c r="AD18" s="693">
        <v>14980</v>
      </c>
      <c r="AE18" s="693"/>
      <c r="AF18" s="693"/>
      <c r="AG18" s="693"/>
      <c r="AH18" s="693"/>
      <c r="AI18" s="693"/>
      <c r="AJ18" s="693"/>
      <c r="AK18" s="693"/>
      <c r="AL18" s="668">
        <v>0.60000002384185791</v>
      </c>
      <c r="AM18" s="669"/>
      <c r="AN18" s="669"/>
      <c r="AO18" s="694"/>
      <c r="AP18" s="662" t="s">
        <v>265</v>
      </c>
      <c r="AQ18" s="663"/>
      <c r="AR18" s="663"/>
      <c r="AS18" s="663"/>
      <c r="AT18" s="663"/>
      <c r="AU18" s="663"/>
      <c r="AV18" s="663"/>
      <c r="AW18" s="663"/>
      <c r="AX18" s="663"/>
      <c r="AY18" s="663"/>
      <c r="AZ18" s="663"/>
      <c r="BA18" s="663"/>
      <c r="BB18" s="663"/>
      <c r="BC18" s="663"/>
      <c r="BD18" s="663"/>
      <c r="BE18" s="663"/>
      <c r="BF18" s="664"/>
      <c r="BG18" s="665" t="s">
        <v>126</v>
      </c>
      <c r="BH18" s="666"/>
      <c r="BI18" s="666"/>
      <c r="BJ18" s="666"/>
      <c r="BK18" s="666"/>
      <c r="BL18" s="666"/>
      <c r="BM18" s="666"/>
      <c r="BN18" s="667"/>
      <c r="BO18" s="692" t="s">
        <v>126</v>
      </c>
      <c r="BP18" s="692"/>
      <c r="BQ18" s="692"/>
      <c r="BR18" s="692"/>
      <c r="BS18" s="693" t="s">
        <v>126</v>
      </c>
      <c r="BT18" s="693"/>
      <c r="BU18" s="693"/>
      <c r="BV18" s="693"/>
      <c r="BW18" s="693"/>
      <c r="BX18" s="693"/>
      <c r="BY18" s="693"/>
      <c r="BZ18" s="693"/>
      <c r="CA18" s="693"/>
      <c r="CB18" s="751"/>
      <c r="CD18" s="707" t="s">
        <v>266</v>
      </c>
      <c r="CE18" s="704"/>
      <c r="CF18" s="704"/>
      <c r="CG18" s="704"/>
      <c r="CH18" s="704"/>
      <c r="CI18" s="704"/>
      <c r="CJ18" s="704"/>
      <c r="CK18" s="704"/>
      <c r="CL18" s="704"/>
      <c r="CM18" s="704"/>
      <c r="CN18" s="704"/>
      <c r="CO18" s="704"/>
      <c r="CP18" s="704"/>
      <c r="CQ18" s="705"/>
      <c r="CR18" s="665" t="s">
        <v>126</v>
      </c>
      <c r="CS18" s="666"/>
      <c r="CT18" s="666"/>
      <c r="CU18" s="666"/>
      <c r="CV18" s="666"/>
      <c r="CW18" s="666"/>
      <c r="CX18" s="666"/>
      <c r="CY18" s="667"/>
      <c r="CZ18" s="692" t="s">
        <v>126</v>
      </c>
      <c r="DA18" s="692"/>
      <c r="DB18" s="692"/>
      <c r="DC18" s="692"/>
      <c r="DD18" s="671" t="s">
        <v>126</v>
      </c>
      <c r="DE18" s="666"/>
      <c r="DF18" s="666"/>
      <c r="DG18" s="666"/>
      <c r="DH18" s="666"/>
      <c r="DI18" s="666"/>
      <c r="DJ18" s="666"/>
      <c r="DK18" s="666"/>
      <c r="DL18" s="666"/>
      <c r="DM18" s="666"/>
      <c r="DN18" s="666"/>
      <c r="DO18" s="666"/>
      <c r="DP18" s="667"/>
      <c r="DQ18" s="671" t="s">
        <v>126</v>
      </c>
      <c r="DR18" s="666"/>
      <c r="DS18" s="666"/>
      <c r="DT18" s="666"/>
      <c r="DU18" s="666"/>
      <c r="DV18" s="666"/>
      <c r="DW18" s="666"/>
      <c r="DX18" s="666"/>
      <c r="DY18" s="666"/>
      <c r="DZ18" s="666"/>
      <c r="EA18" s="666"/>
      <c r="EB18" s="666"/>
      <c r="EC18" s="706"/>
    </row>
    <row r="19" spans="2:133" ht="11.25" customHeight="1" x14ac:dyDescent="0.2">
      <c r="B19" s="662" t="s">
        <v>267</v>
      </c>
      <c r="C19" s="663"/>
      <c r="D19" s="663"/>
      <c r="E19" s="663"/>
      <c r="F19" s="663"/>
      <c r="G19" s="663"/>
      <c r="H19" s="663"/>
      <c r="I19" s="663"/>
      <c r="J19" s="663"/>
      <c r="K19" s="663"/>
      <c r="L19" s="663"/>
      <c r="M19" s="663"/>
      <c r="N19" s="663"/>
      <c r="O19" s="663"/>
      <c r="P19" s="663"/>
      <c r="Q19" s="664"/>
      <c r="R19" s="665">
        <v>2620</v>
      </c>
      <c r="S19" s="666"/>
      <c r="T19" s="666"/>
      <c r="U19" s="666"/>
      <c r="V19" s="666"/>
      <c r="W19" s="666"/>
      <c r="X19" s="666"/>
      <c r="Y19" s="667"/>
      <c r="Z19" s="692">
        <v>0.1</v>
      </c>
      <c r="AA19" s="692"/>
      <c r="AB19" s="692"/>
      <c r="AC19" s="692"/>
      <c r="AD19" s="693">
        <v>2620</v>
      </c>
      <c r="AE19" s="693"/>
      <c r="AF19" s="693"/>
      <c r="AG19" s="693"/>
      <c r="AH19" s="693"/>
      <c r="AI19" s="693"/>
      <c r="AJ19" s="693"/>
      <c r="AK19" s="693"/>
      <c r="AL19" s="668">
        <v>0.1</v>
      </c>
      <c r="AM19" s="669"/>
      <c r="AN19" s="669"/>
      <c r="AO19" s="694"/>
      <c r="AP19" s="662" t="s">
        <v>268</v>
      </c>
      <c r="AQ19" s="663"/>
      <c r="AR19" s="663"/>
      <c r="AS19" s="663"/>
      <c r="AT19" s="663"/>
      <c r="AU19" s="663"/>
      <c r="AV19" s="663"/>
      <c r="AW19" s="663"/>
      <c r="AX19" s="663"/>
      <c r="AY19" s="663"/>
      <c r="AZ19" s="663"/>
      <c r="BA19" s="663"/>
      <c r="BB19" s="663"/>
      <c r="BC19" s="663"/>
      <c r="BD19" s="663"/>
      <c r="BE19" s="663"/>
      <c r="BF19" s="664"/>
      <c r="BG19" s="665" t="s">
        <v>126</v>
      </c>
      <c r="BH19" s="666"/>
      <c r="BI19" s="666"/>
      <c r="BJ19" s="666"/>
      <c r="BK19" s="666"/>
      <c r="BL19" s="666"/>
      <c r="BM19" s="666"/>
      <c r="BN19" s="667"/>
      <c r="BO19" s="692" t="s">
        <v>126</v>
      </c>
      <c r="BP19" s="692"/>
      <c r="BQ19" s="692"/>
      <c r="BR19" s="692"/>
      <c r="BS19" s="693" t="s">
        <v>126</v>
      </c>
      <c r="BT19" s="693"/>
      <c r="BU19" s="693"/>
      <c r="BV19" s="693"/>
      <c r="BW19" s="693"/>
      <c r="BX19" s="693"/>
      <c r="BY19" s="693"/>
      <c r="BZ19" s="693"/>
      <c r="CA19" s="693"/>
      <c r="CB19" s="751"/>
      <c r="CD19" s="707" t="s">
        <v>269</v>
      </c>
      <c r="CE19" s="704"/>
      <c r="CF19" s="704"/>
      <c r="CG19" s="704"/>
      <c r="CH19" s="704"/>
      <c r="CI19" s="704"/>
      <c r="CJ19" s="704"/>
      <c r="CK19" s="704"/>
      <c r="CL19" s="704"/>
      <c r="CM19" s="704"/>
      <c r="CN19" s="704"/>
      <c r="CO19" s="704"/>
      <c r="CP19" s="704"/>
      <c r="CQ19" s="705"/>
      <c r="CR19" s="665" t="s">
        <v>126</v>
      </c>
      <c r="CS19" s="666"/>
      <c r="CT19" s="666"/>
      <c r="CU19" s="666"/>
      <c r="CV19" s="666"/>
      <c r="CW19" s="666"/>
      <c r="CX19" s="666"/>
      <c r="CY19" s="667"/>
      <c r="CZ19" s="692" t="s">
        <v>126</v>
      </c>
      <c r="DA19" s="692"/>
      <c r="DB19" s="692"/>
      <c r="DC19" s="692"/>
      <c r="DD19" s="671" t="s">
        <v>126</v>
      </c>
      <c r="DE19" s="666"/>
      <c r="DF19" s="666"/>
      <c r="DG19" s="666"/>
      <c r="DH19" s="666"/>
      <c r="DI19" s="666"/>
      <c r="DJ19" s="666"/>
      <c r="DK19" s="666"/>
      <c r="DL19" s="666"/>
      <c r="DM19" s="666"/>
      <c r="DN19" s="666"/>
      <c r="DO19" s="666"/>
      <c r="DP19" s="667"/>
      <c r="DQ19" s="671" t="s">
        <v>126</v>
      </c>
      <c r="DR19" s="666"/>
      <c r="DS19" s="666"/>
      <c r="DT19" s="666"/>
      <c r="DU19" s="666"/>
      <c r="DV19" s="666"/>
      <c r="DW19" s="666"/>
      <c r="DX19" s="666"/>
      <c r="DY19" s="666"/>
      <c r="DZ19" s="666"/>
      <c r="EA19" s="666"/>
      <c r="EB19" s="666"/>
      <c r="EC19" s="706"/>
    </row>
    <row r="20" spans="2:133" ht="11.25" customHeight="1" x14ac:dyDescent="0.2">
      <c r="B20" s="662" t="s">
        <v>270</v>
      </c>
      <c r="C20" s="663"/>
      <c r="D20" s="663"/>
      <c r="E20" s="663"/>
      <c r="F20" s="663"/>
      <c r="G20" s="663"/>
      <c r="H20" s="663"/>
      <c r="I20" s="663"/>
      <c r="J20" s="663"/>
      <c r="K20" s="663"/>
      <c r="L20" s="663"/>
      <c r="M20" s="663"/>
      <c r="N20" s="663"/>
      <c r="O20" s="663"/>
      <c r="P20" s="663"/>
      <c r="Q20" s="664"/>
      <c r="R20" s="665">
        <v>1149</v>
      </c>
      <c r="S20" s="666"/>
      <c r="T20" s="666"/>
      <c r="U20" s="666"/>
      <c r="V20" s="666"/>
      <c r="W20" s="666"/>
      <c r="X20" s="666"/>
      <c r="Y20" s="667"/>
      <c r="Z20" s="692">
        <v>0</v>
      </c>
      <c r="AA20" s="692"/>
      <c r="AB20" s="692"/>
      <c r="AC20" s="692"/>
      <c r="AD20" s="693">
        <v>1149</v>
      </c>
      <c r="AE20" s="693"/>
      <c r="AF20" s="693"/>
      <c r="AG20" s="693"/>
      <c r="AH20" s="693"/>
      <c r="AI20" s="693"/>
      <c r="AJ20" s="693"/>
      <c r="AK20" s="693"/>
      <c r="AL20" s="668">
        <v>0</v>
      </c>
      <c r="AM20" s="669"/>
      <c r="AN20" s="669"/>
      <c r="AO20" s="694"/>
      <c r="AP20" s="662" t="s">
        <v>271</v>
      </c>
      <c r="AQ20" s="663"/>
      <c r="AR20" s="663"/>
      <c r="AS20" s="663"/>
      <c r="AT20" s="663"/>
      <c r="AU20" s="663"/>
      <c r="AV20" s="663"/>
      <c r="AW20" s="663"/>
      <c r="AX20" s="663"/>
      <c r="AY20" s="663"/>
      <c r="AZ20" s="663"/>
      <c r="BA20" s="663"/>
      <c r="BB20" s="663"/>
      <c r="BC20" s="663"/>
      <c r="BD20" s="663"/>
      <c r="BE20" s="663"/>
      <c r="BF20" s="664"/>
      <c r="BG20" s="665" t="s">
        <v>126</v>
      </c>
      <c r="BH20" s="666"/>
      <c r="BI20" s="666"/>
      <c r="BJ20" s="666"/>
      <c r="BK20" s="666"/>
      <c r="BL20" s="666"/>
      <c r="BM20" s="666"/>
      <c r="BN20" s="667"/>
      <c r="BO20" s="692" t="s">
        <v>126</v>
      </c>
      <c r="BP20" s="692"/>
      <c r="BQ20" s="692"/>
      <c r="BR20" s="692"/>
      <c r="BS20" s="693" t="s">
        <v>126</v>
      </c>
      <c r="BT20" s="693"/>
      <c r="BU20" s="693"/>
      <c r="BV20" s="693"/>
      <c r="BW20" s="693"/>
      <c r="BX20" s="693"/>
      <c r="BY20" s="693"/>
      <c r="BZ20" s="693"/>
      <c r="CA20" s="693"/>
      <c r="CB20" s="751"/>
      <c r="CD20" s="707" t="s">
        <v>272</v>
      </c>
      <c r="CE20" s="704"/>
      <c r="CF20" s="704"/>
      <c r="CG20" s="704"/>
      <c r="CH20" s="704"/>
      <c r="CI20" s="704"/>
      <c r="CJ20" s="704"/>
      <c r="CK20" s="704"/>
      <c r="CL20" s="704"/>
      <c r="CM20" s="704"/>
      <c r="CN20" s="704"/>
      <c r="CO20" s="704"/>
      <c r="CP20" s="704"/>
      <c r="CQ20" s="705"/>
      <c r="CR20" s="665">
        <v>4073683</v>
      </c>
      <c r="CS20" s="666"/>
      <c r="CT20" s="666"/>
      <c r="CU20" s="666"/>
      <c r="CV20" s="666"/>
      <c r="CW20" s="666"/>
      <c r="CX20" s="666"/>
      <c r="CY20" s="667"/>
      <c r="CZ20" s="692">
        <v>100</v>
      </c>
      <c r="DA20" s="692"/>
      <c r="DB20" s="692"/>
      <c r="DC20" s="692"/>
      <c r="DD20" s="671">
        <v>157245</v>
      </c>
      <c r="DE20" s="666"/>
      <c r="DF20" s="666"/>
      <c r="DG20" s="666"/>
      <c r="DH20" s="666"/>
      <c r="DI20" s="666"/>
      <c r="DJ20" s="666"/>
      <c r="DK20" s="666"/>
      <c r="DL20" s="666"/>
      <c r="DM20" s="666"/>
      <c r="DN20" s="666"/>
      <c r="DO20" s="666"/>
      <c r="DP20" s="667"/>
      <c r="DQ20" s="671">
        <v>2886685</v>
      </c>
      <c r="DR20" s="666"/>
      <c r="DS20" s="666"/>
      <c r="DT20" s="666"/>
      <c r="DU20" s="666"/>
      <c r="DV20" s="666"/>
      <c r="DW20" s="666"/>
      <c r="DX20" s="666"/>
      <c r="DY20" s="666"/>
      <c r="DZ20" s="666"/>
      <c r="EA20" s="666"/>
      <c r="EB20" s="666"/>
      <c r="EC20" s="706"/>
    </row>
    <row r="21" spans="2:133" ht="11.25" customHeight="1" x14ac:dyDescent="0.2">
      <c r="B21" s="662" t="s">
        <v>273</v>
      </c>
      <c r="C21" s="663"/>
      <c r="D21" s="663"/>
      <c r="E21" s="663"/>
      <c r="F21" s="663"/>
      <c r="G21" s="663"/>
      <c r="H21" s="663"/>
      <c r="I21" s="663"/>
      <c r="J21" s="663"/>
      <c r="K21" s="663"/>
      <c r="L21" s="663"/>
      <c r="M21" s="663"/>
      <c r="N21" s="663"/>
      <c r="O21" s="663"/>
      <c r="P21" s="663"/>
      <c r="Q21" s="664"/>
      <c r="R21" s="665">
        <v>417</v>
      </c>
      <c r="S21" s="666"/>
      <c r="T21" s="666"/>
      <c r="U21" s="666"/>
      <c r="V21" s="666"/>
      <c r="W21" s="666"/>
      <c r="X21" s="666"/>
      <c r="Y21" s="667"/>
      <c r="Z21" s="692">
        <v>0</v>
      </c>
      <c r="AA21" s="692"/>
      <c r="AB21" s="692"/>
      <c r="AC21" s="692"/>
      <c r="AD21" s="693">
        <v>417</v>
      </c>
      <c r="AE21" s="693"/>
      <c r="AF21" s="693"/>
      <c r="AG21" s="693"/>
      <c r="AH21" s="693"/>
      <c r="AI21" s="693"/>
      <c r="AJ21" s="693"/>
      <c r="AK21" s="693"/>
      <c r="AL21" s="668">
        <v>0</v>
      </c>
      <c r="AM21" s="669"/>
      <c r="AN21" s="669"/>
      <c r="AO21" s="694"/>
      <c r="AP21" s="758" t="s">
        <v>274</v>
      </c>
      <c r="AQ21" s="765"/>
      <c r="AR21" s="765"/>
      <c r="AS21" s="765"/>
      <c r="AT21" s="765"/>
      <c r="AU21" s="765"/>
      <c r="AV21" s="765"/>
      <c r="AW21" s="765"/>
      <c r="AX21" s="765"/>
      <c r="AY21" s="765"/>
      <c r="AZ21" s="765"/>
      <c r="BA21" s="765"/>
      <c r="BB21" s="765"/>
      <c r="BC21" s="765"/>
      <c r="BD21" s="765"/>
      <c r="BE21" s="765"/>
      <c r="BF21" s="760"/>
      <c r="BG21" s="665" t="s">
        <v>126</v>
      </c>
      <c r="BH21" s="666"/>
      <c r="BI21" s="666"/>
      <c r="BJ21" s="666"/>
      <c r="BK21" s="666"/>
      <c r="BL21" s="666"/>
      <c r="BM21" s="666"/>
      <c r="BN21" s="667"/>
      <c r="BO21" s="692" t="s">
        <v>126</v>
      </c>
      <c r="BP21" s="692"/>
      <c r="BQ21" s="692"/>
      <c r="BR21" s="692"/>
      <c r="BS21" s="693" t="s">
        <v>126</v>
      </c>
      <c r="BT21" s="693"/>
      <c r="BU21" s="693"/>
      <c r="BV21" s="693"/>
      <c r="BW21" s="693"/>
      <c r="BX21" s="693"/>
      <c r="BY21" s="693"/>
      <c r="BZ21" s="693"/>
      <c r="CA21" s="693"/>
      <c r="CB21" s="751"/>
      <c r="CD21" s="770"/>
      <c r="CE21" s="696"/>
      <c r="CF21" s="696"/>
      <c r="CG21" s="696"/>
      <c r="CH21" s="696"/>
      <c r="CI21" s="696"/>
      <c r="CJ21" s="696"/>
      <c r="CK21" s="696"/>
      <c r="CL21" s="696"/>
      <c r="CM21" s="696"/>
      <c r="CN21" s="696"/>
      <c r="CO21" s="696"/>
      <c r="CP21" s="696"/>
      <c r="CQ21" s="697"/>
      <c r="CR21" s="771"/>
      <c r="CS21" s="772"/>
      <c r="CT21" s="772"/>
      <c r="CU21" s="772"/>
      <c r="CV21" s="772"/>
      <c r="CW21" s="772"/>
      <c r="CX21" s="772"/>
      <c r="CY21" s="773"/>
      <c r="CZ21" s="774"/>
      <c r="DA21" s="774"/>
      <c r="DB21" s="774"/>
      <c r="DC21" s="774"/>
      <c r="DD21" s="775"/>
      <c r="DE21" s="772"/>
      <c r="DF21" s="772"/>
      <c r="DG21" s="772"/>
      <c r="DH21" s="772"/>
      <c r="DI21" s="772"/>
      <c r="DJ21" s="772"/>
      <c r="DK21" s="772"/>
      <c r="DL21" s="772"/>
      <c r="DM21" s="772"/>
      <c r="DN21" s="772"/>
      <c r="DO21" s="772"/>
      <c r="DP21" s="773"/>
      <c r="DQ21" s="775"/>
      <c r="DR21" s="772"/>
      <c r="DS21" s="772"/>
      <c r="DT21" s="772"/>
      <c r="DU21" s="772"/>
      <c r="DV21" s="772"/>
      <c r="DW21" s="772"/>
      <c r="DX21" s="772"/>
      <c r="DY21" s="772"/>
      <c r="DZ21" s="772"/>
      <c r="EA21" s="772"/>
      <c r="EB21" s="772"/>
      <c r="EC21" s="779"/>
    </row>
    <row r="22" spans="2:133" ht="11.25" customHeight="1" x14ac:dyDescent="0.2">
      <c r="B22" s="728" t="s">
        <v>275</v>
      </c>
      <c r="C22" s="729"/>
      <c r="D22" s="729"/>
      <c r="E22" s="729"/>
      <c r="F22" s="729"/>
      <c r="G22" s="729"/>
      <c r="H22" s="729"/>
      <c r="I22" s="729"/>
      <c r="J22" s="729"/>
      <c r="K22" s="729"/>
      <c r="L22" s="729"/>
      <c r="M22" s="729"/>
      <c r="N22" s="729"/>
      <c r="O22" s="729"/>
      <c r="P22" s="729"/>
      <c r="Q22" s="730"/>
      <c r="R22" s="665">
        <v>10794</v>
      </c>
      <c r="S22" s="666"/>
      <c r="T22" s="666"/>
      <c r="U22" s="666"/>
      <c r="V22" s="666"/>
      <c r="W22" s="666"/>
      <c r="X22" s="666"/>
      <c r="Y22" s="667"/>
      <c r="Z22" s="692">
        <v>0.2</v>
      </c>
      <c r="AA22" s="692"/>
      <c r="AB22" s="692"/>
      <c r="AC22" s="692"/>
      <c r="AD22" s="693">
        <v>10794</v>
      </c>
      <c r="AE22" s="693"/>
      <c r="AF22" s="693"/>
      <c r="AG22" s="693"/>
      <c r="AH22" s="693"/>
      <c r="AI22" s="693"/>
      <c r="AJ22" s="693"/>
      <c r="AK22" s="693"/>
      <c r="AL22" s="668">
        <v>0.40000000596046448</v>
      </c>
      <c r="AM22" s="669"/>
      <c r="AN22" s="669"/>
      <c r="AO22" s="694"/>
      <c r="AP22" s="758" t="s">
        <v>276</v>
      </c>
      <c r="AQ22" s="765"/>
      <c r="AR22" s="765"/>
      <c r="AS22" s="765"/>
      <c r="AT22" s="765"/>
      <c r="AU22" s="765"/>
      <c r="AV22" s="765"/>
      <c r="AW22" s="765"/>
      <c r="AX22" s="765"/>
      <c r="AY22" s="765"/>
      <c r="AZ22" s="765"/>
      <c r="BA22" s="765"/>
      <c r="BB22" s="765"/>
      <c r="BC22" s="765"/>
      <c r="BD22" s="765"/>
      <c r="BE22" s="765"/>
      <c r="BF22" s="760"/>
      <c r="BG22" s="665" t="s">
        <v>126</v>
      </c>
      <c r="BH22" s="666"/>
      <c r="BI22" s="666"/>
      <c r="BJ22" s="666"/>
      <c r="BK22" s="666"/>
      <c r="BL22" s="666"/>
      <c r="BM22" s="666"/>
      <c r="BN22" s="667"/>
      <c r="BO22" s="692" t="s">
        <v>126</v>
      </c>
      <c r="BP22" s="692"/>
      <c r="BQ22" s="692"/>
      <c r="BR22" s="692"/>
      <c r="BS22" s="693" t="s">
        <v>126</v>
      </c>
      <c r="BT22" s="693"/>
      <c r="BU22" s="693"/>
      <c r="BV22" s="693"/>
      <c r="BW22" s="693"/>
      <c r="BX22" s="693"/>
      <c r="BY22" s="693"/>
      <c r="BZ22" s="693"/>
      <c r="CA22" s="693"/>
      <c r="CB22" s="751"/>
      <c r="CD22" s="767" t="s">
        <v>277</v>
      </c>
      <c r="CE22" s="768"/>
      <c r="CF22" s="768"/>
      <c r="CG22" s="768"/>
      <c r="CH22" s="768"/>
      <c r="CI22" s="768"/>
      <c r="CJ22" s="768"/>
      <c r="CK22" s="768"/>
      <c r="CL22" s="768"/>
      <c r="CM22" s="768"/>
      <c r="CN22" s="768"/>
      <c r="CO22" s="768"/>
      <c r="CP22" s="768"/>
      <c r="CQ22" s="768"/>
      <c r="CR22" s="768"/>
      <c r="CS22" s="768"/>
      <c r="CT22" s="768"/>
      <c r="CU22" s="768"/>
      <c r="CV22" s="768"/>
      <c r="CW22" s="768"/>
      <c r="CX22" s="768"/>
      <c r="CY22" s="768"/>
      <c r="CZ22" s="768"/>
      <c r="DA22" s="768"/>
      <c r="DB22" s="768"/>
      <c r="DC22" s="768"/>
      <c r="DD22" s="768"/>
      <c r="DE22" s="768"/>
      <c r="DF22" s="768"/>
      <c r="DG22" s="768"/>
      <c r="DH22" s="768"/>
      <c r="DI22" s="768"/>
      <c r="DJ22" s="768"/>
      <c r="DK22" s="768"/>
      <c r="DL22" s="768"/>
      <c r="DM22" s="768"/>
      <c r="DN22" s="768"/>
      <c r="DO22" s="768"/>
      <c r="DP22" s="768"/>
      <c r="DQ22" s="768"/>
      <c r="DR22" s="768"/>
      <c r="DS22" s="768"/>
      <c r="DT22" s="768"/>
      <c r="DU22" s="768"/>
      <c r="DV22" s="768"/>
      <c r="DW22" s="768"/>
      <c r="DX22" s="768"/>
      <c r="DY22" s="768"/>
      <c r="DZ22" s="768"/>
      <c r="EA22" s="768"/>
      <c r="EB22" s="768"/>
      <c r="EC22" s="769"/>
    </row>
    <row r="23" spans="2:133" ht="11.25" customHeight="1" x14ac:dyDescent="0.2">
      <c r="B23" s="662" t="s">
        <v>278</v>
      </c>
      <c r="C23" s="663"/>
      <c r="D23" s="663"/>
      <c r="E23" s="663"/>
      <c r="F23" s="663"/>
      <c r="G23" s="663"/>
      <c r="H23" s="663"/>
      <c r="I23" s="663"/>
      <c r="J23" s="663"/>
      <c r="K23" s="663"/>
      <c r="L23" s="663"/>
      <c r="M23" s="663"/>
      <c r="N23" s="663"/>
      <c r="O23" s="663"/>
      <c r="P23" s="663"/>
      <c r="Q23" s="664"/>
      <c r="R23" s="665">
        <v>1485980</v>
      </c>
      <c r="S23" s="666"/>
      <c r="T23" s="666"/>
      <c r="U23" s="666"/>
      <c r="V23" s="666"/>
      <c r="W23" s="666"/>
      <c r="X23" s="666"/>
      <c r="Y23" s="667"/>
      <c r="Z23" s="692">
        <v>33.6</v>
      </c>
      <c r="AA23" s="692"/>
      <c r="AB23" s="692"/>
      <c r="AC23" s="692"/>
      <c r="AD23" s="693">
        <v>1307676</v>
      </c>
      <c r="AE23" s="693"/>
      <c r="AF23" s="693"/>
      <c r="AG23" s="693"/>
      <c r="AH23" s="693"/>
      <c r="AI23" s="693"/>
      <c r="AJ23" s="693"/>
      <c r="AK23" s="693"/>
      <c r="AL23" s="668">
        <v>54.3</v>
      </c>
      <c r="AM23" s="669"/>
      <c r="AN23" s="669"/>
      <c r="AO23" s="694"/>
      <c r="AP23" s="758" t="s">
        <v>279</v>
      </c>
      <c r="AQ23" s="765"/>
      <c r="AR23" s="765"/>
      <c r="AS23" s="765"/>
      <c r="AT23" s="765"/>
      <c r="AU23" s="765"/>
      <c r="AV23" s="765"/>
      <c r="AW23" s="765"/>
      <c r="AX23" s="765"/>
      <c r="AY23" s="765"/>
      <c r="AZ23" s="765"/>
      <c r="BA23" s="765"/>
      <c r="BB23" s="765"/>
      <c r="BC23" s="765"/>
      <c r="BD23" s="765"/>
      <c r="BE23" s="765"/>
      <c r="BF23" s="760"/>
      <c r="BG23" s="665" t="s">
        <v>126</v>
      </c>
      <c r="BH23" s="666"/>
      <c r="BI23" s="666"/>
      <c r="BJ23" s="666"/>
      <c r="BK23" s="666"/>
      <c r="BL23" s="666"/>
      <c r="BM23" s="666"/>
      <c r="BN23" s="667"/>
      <c r="BO23" s="692" t="s">
        <v>126</v>
      </c>
      <c r="BP23" s="692"/>
      <c r="BQ23" s="692"/>
      <c r="BR23" s="692"/>
      <c r="BS23" s="693" t="s">
        <v>126</v>
      </c>
      <c r="BT23" s="693"/>
      <c r="BU23" s="693"/>
      <c r="BV23" s="693"/>
      <c r="BW23" s="693"/>
      <c r="BX23" s="693"/>
      <c r="BY23" s="693"/>
      <c r="BZ23" s="693"/>
      <c r="CA23" s="693"/>
      <c r="CB23" s="751"/>
      <c r="CD23" s="767" t="s">
        <v>219</v>
      </c>
      <c r="CE23" s="768"/>
      <c r="CF23" s="768"/>
      <c r="CG23" s="768"/>
      <c r="CH23" s="768"/>
      <c r="CI23" s="768"/>
      <c r="CJ23" s="768"/>
      <c r="CK23" s="768"/>
      <c r="CL23" s="768"/>
      <c r="CM23" s="768"/>
      <c r="CN23" s="768"/>
      <c r="CO23" s="768"/>
      <c r="CP23" s="768"/>
      <c r="CQ23" s="769"/>
      <c r="CR23" s="767" t="s">
        <v>280</v>
      </c>
      <c r="CS23" s="768"/>
      <c r="CT23" s="768"/>
      <c r="CU23" s="768"/>
      <c r="CV23" s="768"/>
      <c r="CW23" s="768"/>
      <c r="CX23" s="768"/>
      <c r="CY23" s="769"/>
      <c r="CZ23" s="767" t="s">
        <v>281</v>
      </c>
      <c r="DA23" s="768"/>
      <c r="DB23" s="768"/>
      <c r="DC23" s="769"/>
      <c r="DD23" s="767" t="s">
        <v>282</v>
      </c>
      <c r="DE23" s="768"/>
      <c r="DF23" s="768"/>
      <c r="DG23" s="768"/>
      <c r="DH23" s="768"/>
      <c r="DI23" s="768"/>
      <c r="DJ23" s="768"/>
      <c r="DK23" s="769"/>
      <c r="DL23" s="776" t="s">
        <v>283</v>
      </c>
      <c r="DM23" s="777"/>
      <c r="DN23" s="777"/>
      <c r="DO23" s="777"/>
      <c r="DP23" s="777"/>
      <c r="DQ23" s="777"/>
      <c r="DR23" s="777"/>
      <c r="DS23" s="777"/>
      <c r="DT23" s="777"/>
      <c r="DU23" s="777"/>
      <c r="DV23" s="778"/>
      <c r="DW23" s="767" t="s">
        <v>284</v>
      </c>
      <c r="DX23" s="768"/>
      <c r="DY23" s="768"/>
      <c r="DZ23" s="768"/>
      <c r="EA23" s="768"/>
      <c r="EB23" s="768"/>
      <c r="EC23" s="769"/>
    </row>
    <row r="24" spans="2:133" ht="11.25" customHeight="1" x14ac:dyDescent="0.2">
      <c r="B24" s="662" t="s">
        <v>285</v>
      </c>
      <c r="C24" s="663"/>
      <c r="D24" s="663"/>
      <c r="E24" s="663"/>
      <c r="F24" s="663"/>
      <c r="G24" s="663"/>
      <c r="H24" s="663"/>
      <c r="I24" s="663"/>
      <c r="J24" s="663"/>
      <c r="K24" s="663"/>
      <c r="L24" s="663"/>
      <c r="M24" s="663"/>
      <c r="N24" s="663"/>
      <c r="O24" s="663"/>
      <c r="P24" s="663"/>
      <c r="Q24" s="664"/>
      <c r="R24" s="665">
        <v>1307676</v>
      </c>
      <c r="S24" s="666"/>
      <c r="T24" s="666"/>
      <c r="U24" s="666"/>
      <c r="V24" s="666"/>
      <c r="W24" s="666"/>
      <c r="X24" s="666"/>
      <c r="Y24" s="667"/>
      <c r="Z24" s="692">
        <v>29.6</v>
      </c>
      <c r="AA24" s="692"/>
      <c r="AB24" s="692"/>
      <c r="AC24" s="692"/>
      <c r="AD24" s="693">
        <v>1307676</v>
      </c>
      <c r="AE24" s="693"/>
      <c r="AF24" s="693"/>
      <c r="AG24" s="693"/>
      <c r="AH24" s="693"/>
      <c r="AI24" s="693"/>
      <c r="AJ24" s="693"/>
      <c r="AK24" s="693"/>
      <c r="AL24" s="668">
        <v>54.3</v>
      </c>
      <c r="AM24" s="669"/>
      <c r="AN24" s="669"/>
      <c r="AO24" s="694"/>
      <c r="AP24" s="758" t="s">
        <v>286</v>
      </c>
      <c r="AQ24" s="765"/>
      <c r="AR24" s="765"/>
      <c r="AS24" s="765"/>
      <c r="AT24" s="765"/>
      <c r="AU24" s="765"/>
      <c r="AV24" s="765"/>
      <c r="AW24" s="765"/>
      <c r="AX24" s="765"/>
      <c r="AY24" s="765"/>
      <c r="AZ24" s="765"/>
      <c r="BA24" s="765"/>
      <c r="BB24" s="765"/>
      <c r="BC24" s="765"/>
      <c r="BD24" s="765"/>
      <c r="BE24" s="765"/>
      <c r="BF24" s="760"/>
      <c r="BG24" s="665" t="s">
        <v>126</v>
      </c>
      <c r="BH24" s="666"/>
      <c r="BI24" s="666"/>
      <c r="BJ24" s="666"/>
      <c r="BK24" s="666"/>
      <c r="BL24" s="666"/>
      <c r="BM24" s="666"/>
      <c r="BN24" s="667"/>
      <c r="BO24" s="692" t="s">
        <v>126</v>
      </c>
      <c r="BP24" s="692"/>
      <c r="BQ24" s="692"/>
      <c r="BR24" s="692"/>
      <c r="BS24" s="693" t="s">
        <v>126</v>
      </c>
      <c r="BT24" s="693"/>
      <c r="BU24" s="693"/>
      <c r="BV24" s="693"/>
      <c r="BW24" s="693"/>
      <c r="BX24" s="693"/>
      <c r="BY24" s="693"/>
      <c r="BZ24" s="693"/>
      <c r="CA24" s="693"/>
      <c r="CB24" s="751"/>
      <c r="CD24" s="721" t="s">
        <v>287</v>
      </c>
      <c r="CE24" s="722"/>
      <c r="CF24" s="722"/>
      <c r="CG24" s="722"/>
      <c r="CH24" s="722"/>
      <c r="CI24" s="722"/>
      <c r="CJ24" s="722"/>
      <c r="CK24" s="722"/>
      <c r="CL24" s="722"/>
      <c r="CM24" s="722"/>
      <c r="CN24" s="722"/>
      <c r="CO24" s="722"/>
      <c r="CP24" s="722"/>
      <c r="CQ24" s="723"/>
      <c r="CR24" s="718">
        <v>1657860</v>
      </c>
      <c r="CS24" s="719"/>
      <c r="CT24" s="719"/>
      <c r="CU24" s="719"/>
      <c r="CV24" s="719"/>
      <c r="CW24" s="719"/>
      <c r="CX24" s="719"/>
      <c r="CY24" s="762"/>
      <c r="CZ24" s="763">
        <v>40.700000000000003</v>
      </c>
      <c r="DA24" s="736"/>
      <c r="DB24" s="736"/>
      <c r="DC24" s="766"/>
      <c r="DD24" s="761">
        <v>1169238</v>
      </c>
      <c r="DE24" s="719"/>
      <c r="DF24" s="719"/>
      <c r="DG24" s="719"/>
      <c r="DH24" s="719"/>
      <c r="DI24" s="719"/>
      <c r="DJ24" s="719"/>
      <c r="DK24" s="762"/>
      <c r="DL24" s="761">
        <v>1162534</v>
      </c>
      <c r="DM24" s="719"/>
      <c r="DN24" s="719"/>
      <c r="DO24" s="719"/>
      <c r="DP24" s="719"/>
      <c r="DQ24" s="719"/>
      <c r="DR24" s="719"/>
      <c r="DS24" s="719"/>
      <c r="DT24" s="719"/>
      <c r="DU24" s="719"/>
      <c r="DV24" s="762"/>
      <c r="DW24" s="763">
        <v>45.7</v>
      </c>
      <c r="DX24" s="736"/>
      <c r="DY24" s="736"/>
      <c r="DZ24" s="736"/>
      <c r="EA24" s="736"/>
      <c r="EB24" s="736"/>
      <c r="EC24" s="764"/>
    </row>
    <row r="25" spans="2:133" ht="11.25" customHeight="1" x14ac:dyDescent="0.2">
      <c r="B25" s="662" t="s">
        <v>288</v>
      </c>
      <c r="C25" s="663"/>
      <c r="D25" s="663"/>
      <c r="E25" s="663"/>
      <c r="F25" s="663"/>
      <c r="G25" s="663"/>
      <c r="H25" s="663"/>
      <c r="I25" s="663"/>
      <c r="J25" s="663"/>
      <c r="K25" s="663"/>
      <c r="L25" s="663"/>
      <c r="M25" s="663"/>
      <c r="N25" s="663"/>
      <c r="O25" s="663"/>
      <c r="P25" s="663"/>
      <c r="Q25" s="664"/>
      <c r="R25" s="665">
        <v>178304</v>
      </c>
      <c r="S25" s="666"/>
      <c r="T25" s="666"/>
      <c r="U25" s="666"/>
      <c r="V25" s="666"/>
      <c r="W25" s="666"/>
      <c r="X25" s="666"/>
      <c r="Y25" s="667"/>
      <c r="Z25" s="692">
        <v>4</v>
      </c>
      <c r="AA25" s="692"/>
      <c r="AB25" s="692"/>
      <c r="AC25" s="692"/>
      <c r="AD25" s="693" t="s">
        <v>126</v>
      </c>
      <c r="AE25" s="693"/>
      <c r="AF25" s="693"/>
      <c r="AG25" s="693"/>
      <c r="AH25" s="693"/>
      <c r="AI25" s="693"/>
      <c r="AJ25" s="693"/>
      <c r="AK25" s="693"/>
      <c r="AL25" s="668" t="s">
        <v>126</v>
      </c>
      <c r="AM25" s="669"/>
      <c r="AN25" s="669"/>
      <c r="AO25" s="694"/>
      <c r="AP25" s="758" t="s">
        <v>289</v>
      </c>
      <c r="AQ25" s="765"/>
      <c r="AR25" s="765"/>
      <c r="AS25" s="765"/>
      <c r="AT25" s="765"/>
      <c r="AU25" s="765"/>
      <c r="AV25" s="765"/>
      <c r="AW25" s="765"/>
      <c r="AX25" s="765"/>
      <c r="AY25" s="765"/>
      <c r="AZ25" s="765"/>
      <c r="BA25" s="765"/>
      <c r="BB25" s="765"/>
      <c r="BC25" s="765"/>
      <c r="BD25" s="765"/>
      <c r="BE25" s="765"/>
      <c r="BF25" s="760"/>
      <c r="BG25" s="665" t="s">
        <v>126</v>
      </c>
      <c r="BH25" s="666"/>
      <c r="BI25" s="666"/>
      <c r="BJ25" s="666"/>
      <c r="BK25" s="666"/>
      <c r="BL25" s="666"/>
      <c r="BM25" s="666"/>
      <c r="BN25" s="667"/>
      <c r="BO25" s="692" t="s">
        <v>126</v>
      </c>
      <c r="BP25" s="692"/>
      <c r="BQ25" s="692"/>
      <c r="BR25" s="692"/>
      <c r="BS25" s="693" t="s">
        <v>126</v>
      </c>
      <c r="BT25" s="693"/>
      <c r="BU25" s="693"/>
      <c r="BV25" s="693"/>
      <c r="BW25" s="693"/>
      <c r="BX25" s="693"/>
      <c r="BY25" s="693"/>
      <c r="BZ25" s="693"/>
      <c r="CA25" s="693"/>
      <c r="CB25" s="751"/>
      <c r="CD25" s="707" t="s">
        <v>290</v>
      </c>
      <c r="CE25" s="704"/>
      <c r="CF25" s="704"/>
      <c r="CG25" s="704"/>
      <c r="CH25" s="704"/>
      <c r="CI25" s="704"/>
      <c r="CJ25" s="704"/>
      <c r="CK25" s="704"/>
      <c r="CL25" s="704"/>
      <c r="CM25" s="704"/>
      <c r="CN25" s="704"/>
      <c r="CO25" s="704"/>
      <c r="CP25" s="704"/>
      <c r="CQ25" s="705"/>
      <c r="CR25" s="665">
        <v>747401</v>
      </c>
      <c r="CS25" s="676"/>
      <c r="CT25" s="676"/>
      <c r="CU25" s="676"/>
      <c r="CV25" s="676"/>
      <c r="CW25" s="676"/>
      <c r="CX25" s="676"/>
      <c r="CY25" s="677"/>
      <c r="CZ25" s="668">
        <v>18.3</v>
      </c>
      <c r="DA25" s="678"/>
      <c r="DB25" s="678"/>
      <c r="DC25" s="679"/>
      <c r="DD25" s="671">
        <v>680868</v>
      </c>
      <c r="DE25" s="676"/>
      <c r="DF25" s="676"/>
      <c r="DG25" s="676"/>
      <c r="DH25" s="676"/>
      <c r="DI25" s="676"/>
      <c r="DJ25" s="676"/>
      <c r="DK25" s="677"/>
      <c r="DL25" s="671">
        <v>674185</v>
      </c>
      <c r="DM25" s="676"/>
      <c r="DN25" s="676"/>
      <c r="DO25" s="676"/>
      <c r="DP25" s="676"/>
      <c r="DQ25" s="676"/>
      <c r="DR25" s="676"/>
      <c r="DS25" s="676"/>
      <c r="DT25" s="676"/>
      <c r="DU25" s="676"/>
      <c r="DV25" s="677"/>
      <c r="DW25" s="668">
        <v>26.5</v>
      </c>
      <c r="DX25" s="678"/>
      <c r="DY25" s="678"/>
      <c r="DZ25" s="678"/>
      <c r="EA25" s="678"/>
      <c r="EB25" s="678"/>
      <c r="EC25" s="699"/>
    </row>
    <row r="26" spans="2:133" ht="11.25" customHeight="1" x14ac:dyDescent="0.2">
      <c r="B26" s="662" t="s">
        <v>291</v>
      </c>
      <c r="C26" s="663"/>
      <c r="D26" s="663"/>
      <c r="E26" s="663"/>
      <c r="F26" s="663"/>
      <c r="G26" s="663"/>
      <c r="H26" s="663"/>
      <c r="I26" s="663"/>
      <c r="J26" s="663"/>
      <c r="K26" s="663"/>
      <c r="L26" s="663"/>
      <c r="M26" s="663"/>
      <c r="N26" s="663"/>
      <c r="O26" s="663"/>
      <c r="P26" s="663"/>
      <c r="Q26" s="664"/>
      <c r="R26" s="665" t="s">
        <v>126</v>
      </c>
      <c r="S26" s="666"/>
      <c r="T26" s="666"/>
      <c r="U26" s="666"/>
      <c r="V26" s="666"/>
      <c r="W26" s="666"/>
      <c r="X26" s="666"/>
      <c r="Y26" s="667"/>
      <c r="Z26" s="692" t="s">
        <v>126</v>
      </c>
      <c r="AA26" s="692"/>
      <c r="AB26" s="692"/>
      <c r="AC26" s="692"/>
      <c r="AD26" s="693" t="s">
        <v>126</v>
      </c>
      <c r="AE26" s="693"/>
      <c r="AF26" s="693"/>
      <c r="AG26" s="693"/>
      <c r="AH26" s="693"/>
      <c r="AI26" s="693"/>
      <c r="AJ26" s="693"/>
      <c r="AK26" s="693"/>
      <c r="AL26" s="668" t="s">
        <v>126</v>
      </c>
      <c r="AM26" s="669"/>
      <c r="AN26" s="669"/>
      <c r="AO26" s="694"/>
      <c r="AP26" s="758" t="s">
        <v>292</v>
      </c>
      <c r="AQ26" s="759"/>
      <c r="AR26" s="759"/>
      <c r="AS26" s="759"/>
      <c r="AT26" s="759"/>
      <c r="AU26" s="759"/>
      <c r="AV26" s="759"/>
      <c r="AW26" s="759"/>
      <c r="AX26" s="759"/>
      <c r="AY26" s="759"/>
      <c r="AZ26" s="759"/>
      <c r="BA26" s="759"/>
      <c r="BB26" s="759"/>
      <c r="BC26" s="759"/>
      <c r="BD26" s="759"/>
      <c r="BE26" s="759"/>
      <c r="BF26" s="760"/>
      <c r="BG26" s="665" t="s">
        <v>126</v>
      </c>
      <c r="BH26" s="666"/>
      <c r="BI26" s="666"/>
      <c r="BJ26" s="666"/>
      <c r="BK26" s="666"/>
      <c r="BL26" s="666"/>
      <c r="BM26" s="666"/>
      <c r="BN26" s="667"/>
      <c r="BO26" s="692" t="s">
        <v>126</v>
      </c>
      <c r="BP26" s="692"/>
      <c r="BQ26" s="692"/>
      <c r="BR26" s="692"/>
      <c r="BS26" s="693" t="s">
        <v>126</v>
      </c>
      <c r="BT26" s="693"/>
      <c r="BU26" s="693"/>
      <c r="BV26" s="693"/>
      <c r="BW26" s="693"/>
      <c r="BX26" s="693"/>
      <c r="BY26" s="693"/>
      <c r="BZ26" s="693"/>
      <c r="CA26" s="693"/>
      <c r="CB26" s="751"/>
      <c r="CD26" s="707" t="s">
        <v>293</v>
      </c>
      <c r="CE26" s="704"/>
      <c r="CF26" s="704"/>
      <c r="CG26" s="704"/>
      <c r="CH26" s="704"/>
      <c r="CI26" s="704"/>
      <c r="CJ26" s="704"/>
      <c r="CK26" s="704"/>
      <c r="CL26" s="704"/>
      <c r="CM26" s="704"/>
      <c r="CN26" s="704"/>
      <c r="CO26" s="704"/>
      <c r="CP26" s="704"/>
      <c r="CQ26" s="705"/>
      <c r="CR26" s="665">
        <v>420764</v>
      </c>
      <c r="CS26" s="666"/>
      <c r="CT26" s="666"/>
      <c r="CU26" s="666"/>
      <c r="CV26" s="666"/>
      <c r="CW26" s="666"/>
      <c r="CX26" s="666"/>
      <c r="CY26" s="667"/>
      <c r="CZ26" s="668">
        <v>10.3</v>
      </c>
      <c r="DA26" s="678"/>
      <c r="DB26" s="678"/>
      <c r="DC26" s="679"/>
      <c r="DD26" s="671">
        <v>378073</v>
      </c>
      <c r="DE26" s="666"/>
      <c r="DF26" s="666"/>
      <c r="DG26" s="666"/>
      <c r="DH26" s="666"/>
      <c r="DI26" s="666"/>
      <c r="DJ26" s="666"/>
      <c r="DK26" s="667"/>
      <c r="DL26" s="671" t="s">
        <v>126</v>
      </c>
      <c r="DM26" s="666"/>
      <c r="DN26" s="666"/>
      <c r="DO26" s="666"/>
      <c r="DP26" s="666"/>
      <c r="DQ26" s="666"/>
      <c r="DR26" s="666"/>
      <c r="DS26" s="666"/>
      <c r="DT26" s="666"/>
      <c r="DU26" s="666"/>
      <c r="DV26" s="667"/>
      <c r="DW26" s="668" t="s">
        <v>126</v>
      </c>
      <c r="DX26" s="678"/>
      <c r="DY26" s="678"/>
      <c r="DZ26" s="678"/>
      <c r="EA26" s="678"/>
      <c r="EB26" s="678"/>
      <c r="EC26" s="699"/>
    </row>
    <row r="27" spans="2:133" ht="11.25" customHeight="1" x14ac:dyDescent="0.2">
      <c r="B27" s="662" t="s">
        <v>294</v>
      </c>
      <c r="C27" s="663"/>
      <c r="D27" s="663"/>
      <c r="E27" s="663"/>
      <c r="F27" s="663"/>
      <c r="G27" s="663"/>
      <c r="H27" s="663"/>
      <c r="I27" s="663"/>
      <c r="J27" s="663"/>
      <c r="K27" s="663"/>
      <c r="L27" s="663"/>
      <c r="M27" s="663"/>
      <c r="N27" s="663"/>
      <c r="O27" s="663"/>
      <c r="P27" s="663"/>
      <c r="Q27" s="664"/>
      <c r="R27" s="665">
        <v>2574767</v>
      </c>
      <c r="S27" s="666"/>
      <c r="T27" s="666"/>
      <c r="U27" s="666"/>
      <c r="V27" s="666"/>
      <c r="W27" s="666"/>
      <c r="X27" s="666"/>
      <c r="Y27" s="667"/>
      <c r="Z27" s="692">
        <v>58.3</v>
      </c>
      <c r="AA27" s="692"/>
      <c r="AB27" s="692"/>
      <c r="AC27" s="692"/>
      <c r="AD27" s="693">
        <v>2396463</v>
      </c>
      <c r="AE27" s="693"/>
      <c r="AF27" s="693"/>
      <c r="AG27" s="693"/>
      <c r="AH27" s="693"/>
      <c r="AI27" s="693"/>
      <c r="AJ27" s="693"/>
      <c r="AK27" s="693"/>
      <c r="AL27" s="668">
        <v>99.599998474121094</v>
      </c>
      <c r="AM27" s="669"/>
      <c r="AN27" s="669"/>
      <c r="AO27" s="694"/>
      <c r="AP27" s="662" t="s">
        <v>295</v>
      </c>
      <c r="AQ27" s="663"/>
      <c r="AR27" s="663"/>
      <c r="AS27" s="663"/>
      <c r="AT27" s="663"/>
      <c r="AU27" s="663"/>
      <c r="AV27" s="663"/>
      <c r="AW27" s="663"/>
      <c r="AX27" s="663"/>
      <c r="AY27" s="663"/>
      <c r="AZ27" s="663"/>
      <c r="BA27" s="663"/>
      <c r="BB27" s="663"/>
      <c r="BC27" s="663"/>
      <c r="BD27" s="663"/>
      <c r="BE27" s="663"/>
      <c r="BF27" s="664"/>
      <c r="BG27" s="665">
        <v>884534</v>
      </c>
      <c r="BH27" s="666"/>
      <c r="BI27" s="666"/>
      <c r="BJ27" s="666"/>
      <c r="BK27" s="666"/>
      <c r="BL27" s="666"/>
      <c r="BM27" s="666"/>
      <c r="BN27" s="667"/>
      <c r="BO27" s="692">
        <v>100</v>
      </c>
      <c r="BP27" s="692"/>
      <c r="BQ27" s="692"/>
      <c r="BR27" s="692"/>
      <c r="BS27" s="693" t="s">
        <v>126</v>
      </c>
      <c r="BT27" s="693"/>
      <c r="BU27" s="693"/>
      <c r="BV27" s="693"/>
      <c r="BW27" s="693"/>
      <c r="BX27" s="693"/>
      <c r="BY27" s="693"/>
      <c r="BZ27" s="693"/>
      <c r="CA27" s="693"/>
      <c r="CB27" s="751"/>
      <c r="CD27" s="707" t="s">
        <v>296</v>
      </c>
      <c r="CE27" s="704"/>
      <c r="CF27" s="704"/>
      <c r="CG27" s="704"/>
      <c r="CH27" s="704"/>
      <c r="CI27" s="704"/>
      <c r="CJ27" s="704"/>
      <c r="CK27" s="704"/>
      <c r="CL27" s="704"/>
      <c r="CM27" s="704"/>
      <c r="CN27" s="704"/>
      <c r="CO27" s="704"/>
      <c r="CP27" s="704"/>
      <c r="CQ27" s="705"/>
      <c r="CR27" s="665">
        <v>525016</v>
      </c>
      <c r="CS27" s="676"/>
      <c r="CT27" s="676"/>
      <c r="CU27" s="676"/>
      <c r="CV27" s="676"/>
      <c r="CW27" s="676"/>
      <c r="CX27" s="676"/>
      <c r="CY27" s="677"/>
      <c r="CZ27" s="668">
        <v>12.9</v>
      </c>
      <c r="DA27" s="678"/>
      <c r="DB27" s="678"/>
      <c r="DC27" s="679"/>
      <c r="DD27" s="671">
        <v>108259</v>
      </c>
      <c r="DE27" s="676"/>
      <c r="DF27" s="676"/>
      <c r="DG27" s="676"/>
      <c r="DH27" s="676"/>
      <c r="DI27" s="676"/>
      <c r="DJ27" s="676"/>
      <c r="DK27" s="677"/>
      <c r="DL27" s="671">
        <v>108238</v>
      </c>
      <c r="DM27" s="676"/>
      <c r="DN27" s="676"/>
      <c r="DO27" s="676"/>
      <c r="DP27" s="676"/>
      <c r="DQ27" s="676"/>
      <c r="DR27" s="676"/>
      <c r="DS27" s="676"/>
      <c r="DT27" s="676"/>
      <c r="DU27" s="676"/>
      <c r="DV27" s="677"/>
      <c r="DW27" s="668">
        <v>4.3</v>
      </c>
      <c r="DX27" s="678"/>
      <c r="DY27" s="678"/>
      <c r="DZ27" s="678"/>
      <c r="EA27" s="678"/>
      <c r="EB27" s="678"/>
      <c r="EC27" s="699"/>
    </row>
    <row r="28" spans="2:133" ht="11.25" customHeight="1" x14ac:dyDescent="0.2">
      <c r="B28" s="662" t="s">
        <v>297</v>
      </c>
      <c r="C28" s="663"/>
      <c r="D28" s="663"/>
      <c r="E28" s="663"/>
      <c r="F28" s="663"/>
      <c r="G28" s="663"/>
      <c r="H28" s="663"/>
      <c r="I28" s="663"/>
      <c r="J28" s="663"/>
      <c r="K28" s="663"/>
      <c r="L28" s="663"/>
      <c r="M28" s="663"/>
      <c r="N28" s="663"/>
      <c r="O28" s="663"/>
      <c r="P28" s="663"/>
      <c r="Q28" s="664"/>
      <c r="R28" s="665">
        <v>858</v>
      </c>
      <c r="S28" s="666"/>
      <c r="T28" s="666"/>
      <c r="U28" s="666"/>
      <c r="V28" s="666"/>
      <c r="W28" s="666"/>
      <c r="X28" s="666"/>
      <c r="Y28" s="667"/>
      <c r="Z28" s="692">
        <v>0</v>
      </c>
      <c r="AA28" s="692"/>
      <c r="AB28" s="692"/>
      <c r="AC28" s="692"/>
      <c r="AD28" s="693">
        <v>858</v>
      </c>
      <c r="AE28" s="693"/>
      <c r="AF28" s="693"/>
      <c r="AG28" s="693"/>
      <c r="AH28" s="693"/>
      <c r="AI28" s="693"/>
      <c r="AJ28" s="693"/>
      <c r="AK28" s="693"/>
      <c r="AL28" s="668">
        <v>0</v>
      </c>
      <c r="AM28" s="669"/>
      <c r="AN28" s="669"/>
      <c r="AO28" s="694"/>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92"/>
      <c r="BP28" s="692"/>
      <c r="BQ28" s="692"/>
      <c r="BR28" s="692"/>
      <c r="BS28" s="671"/>
      <c r="BT28" s="666"/>
      <c r="BU28" s="666"/>
      <c r="BV28" s="666"/>
      <c r="BW28" s="666"/>
      <c r="BX28" s="666"/>
      <c r="BY28" s="666"/>
      <c r="BZ28" s="666"/>
      <c r="CA28" s="666"/>
      <c r="CB28" s="706"/>
      <c r="CD28" s="707" t="s">
        <v>298</v>
      </c>
      <c r="CE28" s="704"/>
      <c r="CF28" s="704"/>
      <c r="CG28" s="704"/>
      <c r="CH28" s="704"/>
      <c r="CI28" s="704"/>
      <c r="CJ28" s="704"/>
      <c r="CK28" s="704"/>
      <c r="CL28" s="704"/>
      <c r="CM28" s="704"/>
      <c r="CN28" s="704"/>
      <c r="CO28" s="704"/>
      <c r="CP28" s="704"/>
      <c r="CQ28" s="705"/>
      <c r="CR28" s="665">
        <v>385443</v>
      </c>
      <c r="CS28" s="666"/>
      <c r="CT28" s="666"/>
      <c r="CU28" s="666"/>
      <c r="CV28" s="666"/>
      <c r="CW28" s="666"/>
      <c r="CX28" s="666"/>
      <c r="CY28" s="667"/>
      <c r="CZ28" s="668">
        <v>9.5</v>
      </c>
      <c r="DA28" s="678"/>
      <c r="DB28" s="678"/>
      <c r="DC28" s="679"/>
      <c r="DD28" s="671">
        <v>380111</v>
      </c>
      <c r="DE28" s="666"/>
      <c r="DF28" s="666"/>
      <c r="DG28" s="666"/>
      <c r="DH28" s="666"/>
      <c r="DI28" s="666"/>
      <c r="DJ28" s="666"/>
      <c r="DK28" s="667"/>
      <c r="DL28" s="671">
        <v>380111</v>
      </c>
      <c r="DM28" s="666"/>
      <c r="DN28" s="666"/>
      <c r="DO28" s="666"/>
      <c r="DP28" s="666"/>
      <c r="DQ28" s="666"/>
      <c r="DR28" s="666"/>
      <c r="DS28" s="666"/>
      <c r="DT28" s="666"/>
      <c r="DU28" s="666"/>
      <c r="DV28" s="667"/>
      <c r="DW28" s="668">
        <v>14.9</v>
      </c>
      <c r="DX28" s="678"/>
      <c r="DY28" s="678"/>
      <c r="DZ28" s="678"/>
      <c r="EA28" s="678"/>
      <c r="EB28" s="678"/>
      <c r="EC28" s="699"/>
    </row>
    <row r="29" spans="2:133" ht="11.25" customHeight="1" x14ac:dyDescent="0.2">
      <c r="B29" s="662" t="s">
        <v>299</v>
      </c>
      <c r="C29" s="663"/>
      <c r="D29" s="663"/>
      <c r="E29" s="663"/>
      <c r="F29" s="663"/>
      <c r="G29" s="663"/>
      <c r="H29" s="663"/>
      <c r="I29" s="663"/>
      <c r="J29" s="663"/>
      <c r="K29" s="663"/>
      <c r="L29" s="663"/>
      <c r="M29" s="663"/>
      <c r="N29" s="663"/>
      <c r="O29" s="663"/>
      <c r="P29" s="663"/>
      <c r="Q29" s="664"/>
      <c r="R29" s="665">
        <v>47091</v>
      </c>
      <c r="S29" s="666"/>
      <c r="T29" s="666"/>
      <c r="U29" s="666"/>
      <c r="V29" s="666"/>
      <c r="W29" s="666"/>
      <c r="X29" s="666"/>
      <c r="Y29" s="667"/>
      <c r="Z29" s="692">
        <v>1.1000000000000001</v>
      </c>
      <c r="AA29" s="692"/>
      <c r="AB29" s="692"/>
      <c r="AC29" s="692"/>
      <c r="AD29" s="693" t="s">
        <v>126</v>
      </c>
      <c r="AE29" s="693"/>
      <c r="AF29" s="693"/>
      <c r="AG29" s="693"/>
      <c r="AH29" s="693"/>
      <c r="AI29" s="693"/>
      <c r="AJ29" s="693"/>
      <c r="AK29" s="693"/>
      <c r="AL29" s="668" t="s">
        <v>126</v>
      </c>
      <c r="AM29" s="669"/>
      <c r="AN29" s="669"/>
      <c r="AO29" s="694"/>
      <c r="AP29" s="642"/>
      <c r="AQ29" s="643"/>
      <c r="AR29" s="643"/>
      <c r="AS29" s="643"/>
      <c r="AT29" s="643"/>
      <c r="AU29" s="643"/>
      <c r="AV29" s="643"/>
      <c r="AW29" s="643"/>
      <c r="AX29" s="643"/>
      <c r="AY29" s="643"/>
      <c r="AZ29" s="643"/>
      <c r="BA29" s="643"/>
      <c r="BB29" s="643"/>
      <c r="BC29" s="643"/>
      <c r="BD29" s="643"/>
      <c r="BE29" s="643"/>
      <c r="BF29" s="644"/>
      <c r="BG29" s="665"/>
      <c r="BH29" s="666"/>
      <c r="BI29" s="666"/>
      <c r="BJ29" s="666"/>
      <c r="BK29" s="666"/>
      <c r="BL29" s="666"/>
      <c r="BM29" s="666"/>
      <c r="BN29" s="667"/>
      <c r="BO29" s="692"/>
      <c r="BP29" s="692"/>
      <c r="BQ29" s="692"/>
      <c r="BR29" s="692"/>
      <c r="BS29" s="693"/>
      <c r="BT29" s="693"/>
      <c r="BU29" s="693"/>
      <c r="BV29" s="693"/>
      <c r="BW29" s="693"/>
      <c r="BX29" s="693"/>
      <c r="BY29" s="693"/>
      <c r="BZ29" s="693"/>
      <c r="CA29" s="693"/>
      <c r="CB29" s="751"/>
      <c r="CD29" s="752" t="s">
        <v>300</v>
      </c>
      <c r="CE29" s="753"/>
      <c r="CF29" s="707" t="s">
        <v>69</v>
      </c>
      <c r="CG29" s="704"/>
      <c r="CH29" s="704"/>
      <c r="CI29" s="704"/>
      <c r="CJ29" s="704"/>
      <c r="CK29" s="704"/>
      <c r="CL29" s="704"/>
      <c r="CM29" s="704"/>
      <c r="CN29" s="704"/>
      <c r="CO29" s="704"/>
      <c r="CP29" s="704"/>
      <c r="CQ29" s="705"/>
      <c r="CR29" s="665">
        <v>385443</v>
      </c>
      <c r="CS29" s="676"/>
      <c r="CT29" s="676"/>
      <c r="CU29" s="676"/>
      <c r="CV29" s="676"/>
      <c r="CW29" s="676"/>
      <c r="CX29" s="676"/>
      <c r="CY29" s="677"/>
      <c r="CZ29" s="668">
        <v>9.5</v>
      </c>
      <c r="DA29" s="678"/>
      <c r="DB29" s="678"/>
      <c r="DC29" s="679"/>
      <c r="DD29" s="671">
        <v>380111</v>
      </c>
      <c r="DE29" s="676"/>
      <c r="DF29" s="676"/>
      <c r="DG29" s="676"/>
      <c r="DH29" s="676"/>
      <c r="DI29" s="676"/>
      <c r="DJ29" s="676"/>
      <c r="DK29" s="677"/>
      <c r="DL29" s="671">
        <v>380111</v>
      </c>
      <c r="DM29" s="676"/>
      <c r="DN29" s="676"/>
      <c r="DO29" s="676"/>
      <c r="DP29" s="676"/>
      <c r="DQ29" s="676"/>
      <c r="DR29" s="676"/>
      <c r="DS29" s="676"/>
      <c r="DT29" s="676"/>
      <c r="DU29" s="676"/>
      <c r="DV29" s="677"/>
      <c r="DW29" s="668">
        <v>14.9</v>
      </c>
      <c r="DX29" s="678"/>
      <c r="DY29" s="678"/>
      <c r="DZ29" s="678"/>
      <c r="EA29" s="678"/>
      <c r="EB29" s="678"/>
      <c r="EC29" s="699"/>
    </row>
    <row r="30" spans="2:133" ht="11.25" customHeight="1" x14ac:dyDescent="0.2">
      <c r="B30" s="662" t="s">
        <v>301</v>
      </c>
      <c r="C30" s="663"/>
      <c r="D30" s="663"/>
      <c r="E30" s="663"/>
      <c r="F30" s="663"/>
      <c r="G30" s="663"/>
      <c r="H30" s="663"/>
      <c r="I30" s="663"/>
      <c r="J30" s="663"/>
      <c r="K30" s="663"/>
      <c r="L30" s="663"/>
      <c r="M30" s="663"/>
      <c r="N30" s="663"/>
      <c r="O30" s="663"/>
      <c r="P30" s="663"/>
      <c r="Q30" s="664"/>
      <c r="R30" s="665">
        <v>31202</v>
      </c>
      <c r="S30" s="666"/>
      <c r="T30" s="666"/>
      <c r="U30" s="666"/>
      <c r="V30" s="666"/>
      <c r="W30" s="666"/>
      <c r="X30" s="666"/>
      <c r="Y30" s="667"/>
      <c r="Z30" s="692">
        <v>0.7</v>
      </c>
      <c r="AA30" s="692"/>
      <c r="AB30" s="692"/>
      <c r="AC30" s="692"/>
      <c r="AD30" s="693">
        <v>3428</v>
      </c>
      <c r="AE30" s="693"/>
      <c r="AF30" s="693"/>
      <c r="AG30" s="693"/>
      <c r="AH30" s="693"/>
      <c r="AI30" s="693"/>
      <c r="AJ30" s="693"/>
      <c r="AK30" s="693"/>
      <c r="AL30" s="668">
        <v>0.1</v>
      </c>
      <c r="AM30" s="669"/>
      <c r="AN30" s="669"/>
      <c r="AO30" s="694"/>
      <c r="AP30" s="724" t="s">
        <v>219</v>
      </c>
      <c r="AQ30" s="725"/>
      <c r="AR30" s="725"/>
      <c r="AS30" s="725"/>
      <c r="AT30" s="725"/>
      <c r="AU30" s="725"/>
      <c r="AV30" s="725"/>
      <c r="AW30" s="725"/>
      <c r="AX30" s="725"/>
      <c r="AY30" s="725"/>
      <c r="AZ30" s="725"/>
      <c r="BA30" s="725"/>
      <c r="BB30" s="725"/>
      <c r="BC30" s="725"/>
      <c r="BD30" s="725"/>
      <c r="BE30" s="725"/>
      <c r="BF30" s="726"/>
      <c r="BG30" s="724" t="s">
        <v>302</v>
      </c>
      <c r="BH30" s="749"/>
      <c r="BI30" s="749"/>
      <c r="BJ30" s="749"/>
      <c r="BK30" s="749"/>
      <c r="BL30" s="749"/>
      <c r="BM30" s="749"/>
      <c r="BN30" s="749"/>
      <c r="BO30" s="749"/>
      <c r="BP30" s="749"/>
      <c r="BQ30" s="750"/>
      <c r="BR30" s="724" t="s">
        <v>303</v>
      </c>
      <c r="BS30" s="749"/>
      <c r="BT30" s="749"/>
      <c r="BU30" s="749"/>
      <c r="BV30" s="749"/>
      <c r="BW30" s="749"/>
      <c r="BX30" s="749"/>
      <c r="BY30" s="749"/>
      <c r="BZ30" s="749"/>
      <c r="CA30" s="749"/>
      <c r="CB30" s="750"/>
      <c r="CD30" s="754"/>
      <c r="CE30" s="755"/>
      <c r="CF30" s="707" t="s">
        <v>304</v>
      </c>
      <c r="CG30" s="704"/>
      <c r="CH30" s="704"/>
      <c r="CI30" s="704"/>
      <c r="CJ30" s="704"/>
      <c r="CK30" s="704"/>
      <c r="CL30" s="704"/>
      <c r="CM30" s="704"/>
      <c r="CN30" s="704"/>
      <c r="CO30" s="704"/>
      <c r="CP30" s="704"/>
      <c r="CQ30" s="705"/>
      <c r="CR30" s="665">
        <v>367985</v>
      </c>
      <c r="CS30" s="666"/>
      <c r="CT30" s="666"/>
      <c r="CU30" s="666"/>
      <c r="CV30" s="666"/>
      <c r="CW30" s="666"/>
      <c r="CX30" s="666"/>
      <c r="CY30" s="667"/>
      <c r="CZ30" s="668">
        <v>9</v>
      </c>
      <c r="DA30" s="678"/>
      <c r="DB30" s="678"/>
      <c r="DC30" s="679"/>
      <c r="DD30" s="671">
        <v>362653</v>
      </c>
      <c r="DE30" s="666"/>
      <c r="DF30" s="666"/>
      <c r="DG30" s="666"/>
      <c r="DH30" s="666"/>
      <c r="DI30" s="666"/>
      <c r="DJ30" s="666"/>
      <c r="DK30" s="667"/>
      <c r="DL30" s="671">
        <v>362653</v>
      </c>
      <c r="DM30" s="666"/>
      <c r="DN30" s="666"/>
      <c r="DO30" s="666"/>
      <c r="DP30" s="666"/>
      <c r="DQ30" s="666"/>
      <c r="DR30" s="666"/>
      <c r="DS30" s="666"/>
      <c r="DT30" s="666"/>
      <c r="DU30" s="666"/>
      <c r="DV30" s="667"/>
      <c r="DW30" s="668">
        <v>14.3</v>
      </c>
      <c r="DX30" s="678"/>
      <c r="DY30" s="678"/>
      <c r="DZ30" s="678"/>
      <c r="EA30" s="678"/>
      <c r="EB30" s="678"/>
      <c r="EC30" s="699"/>
    </row>
    <row r="31" spans="2:133" ht="11.25" customHeight="1" x14ac:dyDescent="0.2">
      <c r="B31" s="662" t="s">
        <v>305</v>
      </c>
      <c r="C31" s="663"/>
      <c r="D31" s="663"/>
      <c r="E31" s="663"/>
      <c r="F31" s="663"/>
      <c r="G31" s="663"/>
      <c r="H31" s="663"/>
      <c r="I31" s="663"/>
      <c r="J31" s="663"/>
      <c r="K31" s="663"/>
      <c r="L31" s="663"/>
      <c r="M31" s="663"/>
      <c r="N31" s="663"/>
      <c r="O31" s="663"/>
      <c r="P31" s="663"/>
      <c r="Q31" s="664"/>
      <c r="R31" s="665">
        <v>5379</v>
      </c>
      <c r="S31" s="666"/>
      <c r="T31" s="666"/>
      <c r="U31" s="666"/>
      <c r="V31" s="666"/>
      <c r="W31" s="666"/>
      <c r="X31" s="666"/>
      <c r="Y31" s="667"/>
      <c r="Z31" s="692">
        <v>0.1</v>
      </c>
      <c r="AA31" s="692"/>
      <c r="AB31" s="692"/>
      <c r="AC31" s="692"/>
      <c r="AD31" s="693" t="s">
        <v>126</v>
      </c>
      <c r="AE31" s="693"/>
      <c r="AF31" s="693"/>
      <c r="AG31" s="693"/>
      <c r="AH31" s="693"/>
      <c r="AI31" s="693"/>
      <c r="AJ31" s="693"/>
      <c r="AK31" s="693"/>
      <c r="AL31" s="668" t="s">
        <v>126</v>
      </c>
      <c r="AM31" s="669"/>
      <c r="AN31" s="669"/>
      <c r="AO31" s="694"/>
      <c r="AP31" s="738" t="s">
        <v>306</v>
      </c>
      <c r="AQ31" s="739"/>
      <c r="AR31" s="739"/>
      <c r="AS31" s="739"/>
      <c r="AT31" s="744" t="s">
        <v>307</v>
      </c>
      <c r="AU31" s="366"/>
      <c r="AV31" s="366"/>
      <c r="AW31" s="366"/>
      <c r="AX31" s="731" t="s">
        <v>186</v>
      </c>
      <c r="AY31" s="732"/>
      <c r="AZ31" s="732"/>
      <c r="BA31" s="732"/>
      <c r="BB31" s="732"/>
      <c r="BC31" s="732"/>
      <c r="BD31" s="732"/>
      <c r="BE31" s="732"/>
      <c r="BF31" s="733"/>
      <c r="BG31" s="734">
        <v>95.5</v>
      </c>
      <c r="BH31" s="735"/>
      <c r="BI31" s="735"/>
      <c r="BJ31" s="735"/>
      <c r="BK31" s="735"/>
      <c r="BL31" s="735"/>
      <c r="BM31" s="736">
        <v>90.2</v>
      </c>
      <c r="BN31" s="735"/>
      <c r="BO31" s="735"/>
      <c r="BP31" s="735"/>
      <c r="BQ31" s="737"/>
      <c r="BR31" s="734">
        <v>97.5</v>
      </c>
      <c r="BS31" s="735"/>
      <c r="BT31" s="735"/>
      <c r="BU31" s="735"/>
      <c r="BV31" s="735"/>
      <c r="BW31" s="735"/>
      <c r="BX31" s="736">
        <v>92</v>
      </c>
      <c r="BY31" s="735"/>
      <c r="BZ31" s="735"/>
      <c r="CA31" s="735"/>
      <c r="CB31" s="737"/>
      <c r="CD31" s="754"/>
      <c r="CE31" s="755"/>
      <c r="CF31" s="707" t="s">
        <v>308</v>
      </c>
      <c r="CG31" s="704"/>
      <c r="CH31" s="704"/>
      <c r="CI31" s="704"/>
      <c r="CJ31" s="704"/>
      <c r="CK31" s="704"/>
      <c r="CL31" s="704"/>
      <c r="CM31" s="704"/>
      <c r="CN31" s="704"/>
      <c r="CO31" s="704"/>
      <c r="CP31" s="704"/>
      <c r="CQ31" s="705"/>
      <c r="CR31" s="665">
        <v>17458</v>
      </c>
      <c r="CS31" s="676"/>
      <c r="CT31" s="676"/>
      <c r="CU31" s="676"/>
      <c r="CV31" s="676"/>
      <c r="CW31" s="676"/>
      <c r="CX31" s="676"/>
      <c r="CY31" s="677"/>
      <c r="CZ31" s="668">
        <v>0.4</v>
      </c>
      <c r="DA31" s="678"/>
      <c r="DB31" s="678"/>
      <c r="DC31" s="679"/>
      <c r="DD31" s="671">
        <v>17458</v>
      </c>
      <c r="DE31" s="676"/>
      <c r="DF31" s="676"/>
      <c r="DG31" s="676"/>
      <c r="DH31" s="676"/>
      <c r="DI31" s="676"/>
      <c r="DJ31" s="676"/>
      <c r="DK31" s="677"/>
      <c r="DL31" s="671">
        <v>17458</v>
      </c>
      <c r="DM31" s="676"/>
      <c r="DN31" s="676"/>
      <c r="DO31" s="676"/>
      <c r="DP31" s="676"/>
      <c r="DQ31" s="676"/>
      <c r="DR31" s="676"/>
      <c r="DS31" s="676"/>
      <c r="DT31" s="676"/>
      <c r="DU31" s="676"/>
      <c r="DV31" s="677"/>
      <c r="DW31" s="668">
        <v>0.7</v>
      </c>
      <c r="DX31" s="678"/>
      <c r="DY31" s="678"/>
      <c r="DZ31" s="678"/>
      <c r="EA31" s="678"/>
      <c r="EB31" s="678"/>
      <c r="EC31" s="699"/>
    </row>
    <row r="32" spans="2:133" ht="11.25" customHeight="1" x14ac:dyDescent="0.2">
      <c r="B32" s="662" t="s">
        <v>309</v>
      </c>
      <c r="C32" s="663"/>
      <c r="D32" s="663"/>
      <c r="E32" s="663"/>
      <c r="F32" s="663"/>
      <c r="G32" s="663"/>
      <c r="H32" s="663"/>
      <c r="I32" s="663"/>
      <c r="J32" s="663"/>
      <c r="K32" s="663"/>
      <c r="L32" s="663"/>
      <c r="M32" s="663"/>
      <c r="N32" s="663"/>
      <c r="O32" s="663"/>
      <c r="P32" s="663"/>
      <c r="Q32" s="664"/>
      <c r="R32" s="665">
        <v>726124</v>
      </c>
      <c r="S32" s="666"/>
      <c r="T32" s="666"/>
      <c r="U32" s="666"/>
      <c r="V32" s="666"/>
      <c r="W32" s="666"/>
      <c r="X32" s="666"/>
      <c r="Y32" s="667"/>
      <c r="Z32" s="692">
        <v>16.399999999999999</v>
      </c>
      <c r="AA32" s="692"/>
      <c r="AB32" s="692"/>
      <c r="AC32" s="692"/>
      <c r="AD32" s="693" t="s">
        <v>126</v>
      </c>
      <c r="AE32" s="693"/>
      <c r="AF32" s="693"/>
      <c r="AG32" s="693"/>
      <c r="AH32" s="693"/>
      <c r="AI32" s="693"/>
      <c r="AJ32" s="693"/>
      <c r="AK32" s="693"/>
      <c r="AL32" s="668" t="s">
        <v>126</v>
      </c>
      <c r="AM32" s="669"/>
      <c r="AN32" s="669"/>
      <c r="AO32" s="694"/>
      <c r="AP32" s="740"/>
      <c r="AQ32" s="741"/>
      <c r="AR32" s="741"/>
      <c r="AS32" s="741"/>
      <c r="AT32" s="745"/>
      <c r="AU32" s="362" t="s">
        <v>310</v>
      </c>
      <c r="AV32" s="362"/>
      <c r="AW32" s="362"/>
      <c r="AX32" s="662" t="s">
        <v>311</v>
      </c>
      <c r="AY32" s="663"/>
      <c r="AZ32" s="663"/>
      <c r="BA32" s="663"/>
      <c r="BB32" s="663"/>
      <c r="BC32" s="663"/>
      <c r="BD32" s="663"/>
      <c r="BE32" s="663"/>
      <c r="BF32" s="664"/>
      <c r="BG32" s="747">
        <v>97.7</v>
      </c>
      <c r="BH32" s="676"/>
      <c r="BI32" s="676"/>
      <c r="BJ32" s="676"/>
      <c r="BK32" s="676"/>
      <c r="BL32" s="676"/>
      <c r="BM32" s="669">
        <v>92.7</v>
      </c>
      <c r="BN32" s="748"/>
      <c r="BO32" s="748"/>
      <c r="BP32" s="748"/>
      <c r="BQ32" s="703"/>
      <c r="BR32" s="747">
        <v>97.8</v>
      </c>
      <c r="BS32" s="676"/>
      <c r="BT32" s="676"/>
      <c r="BU32" s="676"/>
      <c r="BV32" s="676"/>
      <c r="BW32" s="676"/>
      <c r="BX32" s="669">
        <v>92.1</v>
      </c>
      <c r="BY32" s="748"/>
      <c r="BZ32" s="748"/>
      <c r="CA32" s="748"/>
      <c r="CB32" s="703"/>
      <c r="CD32" s="756"/>
      <c r="CE32" s="757"/>
      <c r="CF32" s="707" t="s">
        <v>312</v>
      </c>
      <c r="CG32" s="704"/>
      <c r="CH32" s="704"/>
      <c r="CI32" s="704"/>
      <c r="CJ32" s="704"/>
      <c r="CK32" s="704"/>
      <c r="CL32" s="704"/>
      <c r="CM32" s="704"/>
      <c r="CN32" s="704"/>
      <c r="CO32" s="704"/>
      <c r="CP32" s="704"/>
      <c r="CQ32" s="705"/>
      <c r="CR32" s="665" t="s">
        <v>126</v>
      </c>
      <c r="CS32" s="666"/>
      <c r="CT32" s="666"/>
      <c r="CU32" s="666"/>
      <c r="CV32" s="666"/>
      <c r="CW32" s="666"/>
      <c r="CX32" s="666"/>
      <c r="CY32" s="667"/>
      <c r="CZ32" s="668" t="s">
        <v>126</v>
      </c>
      <c r="DA32" s="678"/>
      <c r="DB32" s="678"/>
      <c r="DC32" s="679"/>
      <c r="DD32" s="671" t="s">
        <v>126</v>
      </c>
      <c r="DE32" s="666"/>
      <c r="DF32" s="666"/>
      <c r="DG32" s="666"/>
      <c r="DH32" s="666"/>
      <c r="DI32" s="666"/>
      <c r="DJ32" s="666"/>
      <c r="DK32" s="667"/>
      <c r="DL32" s="671" t="s">
        <v>126</v>
      </c>
      <c r="DM32" s="666"/>
      <c r="DN32" s="666"/>
      <c r="DO32" s="666"/>
      <c r="DP32" s="666"/>
      <c r="DQ32" s="666"/>
      <c r="DR32" s="666"/>
      <c r="DS32" s="666"/>
      <c r="DT32" s="666"/>
      <c r="DU32" s="666"/>
      <c r="DV32" s="667"/>
      <c r="DW32" s="668" t="s">
        <v>126</v>
      </c>
      <c r="DX32" s="678"/>
      <c r="DY32" s="678"/>
      <c r="DZ32" s="678"/>
      <c r="EA32" s="678"/>
      <c r="EB32" s="678"/>
      <c r="EC32" s="699"/>
    </row>
    <row r="33" spans="2:133" ht="11.25" customHeight="1" x14ac:dyDescent="0.2">
      <c r="B33" s="728" t="s">
        <v>313</v>
      </c>
      <c r="C33" s="729"/>
      <c r="D33" s="729"/>
      <c r="E33" s="729"/>
      <c r="F33" s="729"/>
      <c r="G33" s="729"/>
      <c r="H33" s="729"/>
      <c r="I33" s="729"/>
      <c r="J33" s="729"/>
      <c r="K33" s="729"/>
      <c r="L33" s="729"/>
      <c r="M33" s="729"/>
      <c r="N33" s="729"/>
      <c r="O33" s="729"/>
      <c r="P33" s="729"/>
      <c r="Q33" s="730"/>
      <c r="R33" s="665" t="s">
        <v>126</v>
      </c>
      <c r="S33" s="666"/>
      <c r="T33" s="666"/>
      <c r="U33" s="666"/>
      <c r="V33" s="666"/>
      <c r="W33" s="666"/>
      <c r="X33" s="666"/>
      <c r="Y33" s="667"/>
      <c r="Z33" s="692" t="s">
        <v>126</v>
      </c>
      <c r="AA33" s="692"/>
      <c r="AB33" s="692"/>
      <c r="AC33" s="692"/>
      <c r="AD33" s="693" t="s">
        <v>126</v>
      </c>
      <c r="AE33" s="693"/>
      <c r="AF33" s="693"/>
      <c r="AG33" s="693"/>
      <c r="AH33" s="693"/>
      <c r="AI33" s="693"/>
      <c r="AJ33" s="693"/>
      <c r="AK33" s="693"/>
      <c r="AL33" s="668" t="s">
        <v>126</v>
      </c>
      <c r="AM33" s="669"/>
      <c r="AN33" s="669"/>
      <c r="AO33" s="694"/>
      <c r="AP33" s="742"/>
      <c r="AQ33" s="743"/>
      <c r="AR33" s="743"/>
      <c r="AS33" s="743"/>
      <c r="AT33" s="746"/>
      <c r="AU33" s="360"/>
      <c r="AV33" s="360"/>
      <c r="AW33" s="360"/>
      <c r="AX33" s="642" t="s">
        <v>314</v>
      </c>
      <c r="AY33" s="643"/>
      <c r="AZ33" s="643"/>
      <c r="BA33" s="643"/>
      <c r="BB33" s="643"/>
      <c r="BC33" s="643"/>
      <c r="BD33" s="643"/>
      <c r="BE33" s="643"/>
      <c r="BF33" s="644"/>
      <c r="BG33" s="727">
        <v>93.4</v>
      </c>
      <c r="BH33" s="646"/>
      <c r="BI33" s="646"/>
      <c r="BJ33" s="646"/>
      <c r="BK33" s="646"/>
      <c r="BL33" s="646"/>
      <c r="BM33" s="684">
        <v>87.3</v>
      </c>
      <c r="BN33" s="646"/>
      <c r="BO33" s="646"/>
      <c r="BP33" s="646"/>
      <c r="BQ33" s="695"/>
      <c r="BR33" s="727">
        <v>97</v>
      </c>
      <c r="BS33" s="646"/>
      <c r="BT33" s="646"/>
      <c r="BU33" s="646"/>
      <c r="BV33" s="646"/>
      <c r="BW33" s="646"/>
      <c r="BX33" s="684">
        <v>91.2</v>
      </c>
      <c r="BY33" s="646"/>
      <c r="BZ33" s="646"/>
      <c r="CA33" s="646"/>
      <c r="CB33" s="695"/>
      <c r="CD33" s="707" t="s">
        <v>315</v>
      </c>
      <c r="CE33" s="704"/>
      <c r="CF33" s="704"/>
      <c r="CG33" s="704"/>
      <c r="CH33" s="704"/>
      <c r="CI33" s="704"/>
      <c r="CJ33" s="704"/>
      <c r="CK33" s="704"/>
      <c r="CL33" s="704"/>
      <c r="CM33" s="704"/>
      <c r="CN33" s="704"/>
      <c r="CO33" s="704"/>
      <c r="CP33" s="704"/>
      <c r="CQ33" s="705"/>
      <c r="CR33" s="665">
        <v>2234327</v>
      </c>
      <c r="CS33" s="676"/>
      <c r="CT33" s="676"/>
      <c r="CU33" s="676"/>
      <c r="CV33" s="676"/>
      <c r="CW33" s="676"/>
      <c r="CX33" s="676"/>
      <c r="CY33" s="677"/>
      <c r="CZ33" s="668">
        <v>54.8</v>
      </c>
      <c r="DA33" s="678"/>
      <c r="DB33" s="678"/>
      <c r="DC33" s="679"/>
      <c r="DD33" s="671">
        <v>1695449</v>
      </c>
      <c r="DE33" s="676"/>
      <c r="DF33" s="676"/>
      <c r="DG33" s="676"/>
      <c r="DH33" s="676"/>
      <c r="DI33" s="676"/>
      <c r="DJ33" s="676"/>
      <c r="DK33" s="677"/>
      <c r="DL33" s="671">
        <v>1087143</v>
      </c>
      <c r="DM33" s="676"/>
      <c r="DN33" s="676"/>
      <c r="DO33" s="676"/>
      <c r="DP33" s="676"/>
      <c r="DQ33" s="676"/>
      <c r="DR33" s="676"/>
      <c r="DS33" s="676"/>
      <c r="DT33" s="676"/>
      <c r="DU33" s="676"/>
      <c r="DV33" s="677"/>
      <c r="DW33" s="668">
        <v>42.7</v>
      </c>
      <c r="DX33" s="678"/>
      <c r="DY33" s="678"/>
      <c r="DZ33" s="678"/>
      <c r="EA33" s="678"/>
      <c r="EB33" s="678"/>
      <c r="EC33" s="699"/>
    </row>
    <row r="34" spans="2:133" ht="11.25" customHeight="1" x14ac:dyDescent="0.2">
      <c r="B34" s="662" t="s">
        <v>316</v>
      </c>
      <c r="C34" s="663"/>
      <c r="D34" s="663"/>
      <c r="E34" s="663"/>
      <c r="F34" s="663"/>
      <c r="G34" s="663"/>
      <c r="H34" s="663"/>
      <c r="I34" s="663"/>
      <c r="J34" s="663"/>
      <c r="K34" s="663"/>
      <c r="L34" s="663"/>
      <c r="M34" s="663"/>
      <c r="N34" s="663"/>
      <c r="O34" s="663"/>
      <c r="P34" s="663"/>
      <c r="Q34" s="664"/>
      <c r="R34" s="665">
        <v>232932</v>
      </c>
      <c r="S34" s="666"/>
      <c r="T34" s="666"/>
      <c r="U34" s="666"/>
      <c r="V34" s="666"/>
      <c r="W34" s="666"/>
      <c r="X34" s="666"/>
      <c r="Y34" s="667"/>
      <c r="Z34" s="692">
        <v>5.3</v>
      </c>
      <c r="AA34" s="692"/>
      <c r="AB34" s="692"/>
      <c r="AC34" s="692"/>
      <c r="AD34" s="693" t="s">
        <v>126</v>
      </c>
      <c r="AE34" s="693"/>
      <c r="AF34" s="693"/>
      <c r="AG34" s="693"/>
      <c r="AH34" s="693"/>
      <c r="AI34" s="693"/>
      <c r="AJ34" s="693"/>
      <c r="AK34" s="693"/>
      <c r="AL34" s="668" t="s">
        <v>126</v>
      </c>
      <c r="AM34" s="669"/>
      <c r="AN34" s="669"/>
      <c r="AO34" s="694"/>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707" t="s">
        <v>317</v>
      </c>
      <c r="CE34" s="704"/>
      <c r="CF34" s="704"/>
      <c r="CG34" s="704"/>
      <c r="CH34" s="704"/>
      <c r="CI34" s="704"/>
      <c r="CJ34" s="704"/>
      <c r="CK34" s="704"/>
      <c r="CL34" s="704"/>
      <c r="CM34" s="704"/>
      <c r="CN34" s="704"/>
      <c r="CO34" s="704"/>
      <c r="CP34" s="704"/>
      <c r="CQ34" s="705"/>
      <c r="CR34" s="665">
        <v>554008</v>
      </c>
      <c r="CS34" s="666"/>
      <c r="CT34" s="666"/>
      <c r="CU34" s="666"/>
      <c r="CV34" s="666"/>
      <c r="CW34" s="666"/>
      <c r="CX34" s="666"/>
      <c r="CY34" s="667"/>
      <c r="CZ34" s="668">
        <v>13.6</v>
      </c>
      <c r="DA34" s="678"/>
      <c r="DB34" s="678"/>
      <c r="DC34" s="679"/>
      <c r="DD34" s="671">
        <v>333902</v>
      </c>
      <c r="DE34" s="666"/>
      <c r="DF34" s="666"/>
      <c r="DG34" s="666"/>
      <c r="DH34" s="666"/>
      <c r="DI34" s="666"/>
      <c r="DJ34" s="666"/>
      <c r="DK34" s="667"/>
      <c r="DL34" s="671">
        <v>277000</v>
      </c>
      <c r="DM34" s="666"/>
      <c r="DN34" s="666"/>
      <c r="DO34" s="666"/>
      <c r="DP34" s="666"/>
      <c r="DQ34" s="666"/>
      <c r="DR34" s="666"/>
      <c r="DS34" s="666"/>
      <c r="DT34" s="666"/>
      <c r="DU34" s="666"/>
      <c r="DV34" s="667"/>
      <c r="DW34" s="668">
        <v>10.9</v>
      </c>
      <c r="DX34" s="678"/>
      <c r="DY34" s="678"/>
      <c r="DZ34" s="678"/>
      <c r="EA34" s="678"/>
      <c r="EB34" s="678"/>
      <c r="EC34" s="699"/>
    </row>
    <row r="35" spans="2:133" ht="11.25" customHeight="1" x14ac:dyDescent="0.2">
      <c r="B35" s="662" t="s">
        <v>318</v>
      </c>
      <c r="C35" s="663"/>
      <c r="D35" s="663"/>
      <c r="E35" s="663"/>
      <c r="F35" s="663"/>
      <c r="G35" s="663"/>
      <c r="H35" s="663"/>
      <c r="I35" s="663"/>
      <c r="J35" s="663"/>
      <c r="K35" s="663"/>
      <c r="L35" s="663"/>
      <c r="M35" s="663"/>
      <c r="N35" s="663"/>
      <c r="O35" s="663"/>
      <c r="P35" s="663"/>
      <c r="Q35" s="664"/>
      <c r="R35" s="665">
        <v>43600</v>
      </c>
      <c r="S35" s="666"/>
      <c r="T35" s="666"/>
      <c r="U35" s="666"/>
      <c r="V35" s="666"/>
      <c r="W35" s="666"/>
      <c r="X35" s="666"/>
      <c r="Y35" s="667"/>
      <c r="Z35" s="692">
        <v>1</v>
      </c>
      <c r="AA35" s="692"/>
      <c r="AB35" s="692"/>
      <c r="AC35" s="692"/>
      <c r="AD35" s="693">
        <v>5128</v>
      </c>
      <c r="AE35" s="693"/>
      <c r="AF35" s="693"/>
      <c r="AG35" s="693"/>
      <c r="AH35" s="693"/>
      <c r="AI35" s="693"/>
      <c r="AJ35" s="693"/>
      <c r="AK35" s="693"/>
      <c r="AL35" s="668">
        <v>0.2</v>
      </c>
      <c r="AM35" s="669"/>
      <c r="AN35" s="669"/>
      <c r="AO35" s="694"/>
      <c r="AP35" s="218"/>
      <c r="AQ35" s="724" t="s">
        <v>319</v>
      </c>
      <c r="AR35" s="725"/>
      <c r="AS35" s="725"/>
      <c r="AT35" s="725"/>
      <c r="AU35" s="725"/>
      <c r="AV35" s="725"/>
      <c r="AW35" s="725"/>
      <c r="AX35" s="725"/>
      <c r="AY35" s="725"/>
      <c r="AZ35" s="725"/>
      <c r="BA35" s="725"/>
      <c r="BB35" s="725"/>
      <c r="BC35" s="725"/>
      <c r="BD35" s="725"/>
      <c r="BE35" s="725"/>
      <c r="BF35" s="726"/>
      <c r="BG35" s="724" t="s">
        <v>320</v>
      </c>
      <c r="BH35" s="725"/>
      <c r="BI35" s="725"/>
      <c r="BJ35" s="725"/>
      <c r="BK35" s="725"/>
      <c r="BL35" s="725"/>
      <c r="BM35" s="725"/>
      <c r="BN35" s="725"/>
      <c r="BO35" s="725"/>
      <c r="BP35" s="725"/>
      <c r="BQ35" s="725"/>
      <c r="BR35" s="725"/>
      <c r="BS35" s="725"/>
      <c r="BT35" s="725"/>
      <c r="BU35" s="725"/>
      <c r="BV35" s="725"/>
      <c r="BW35" s="725"/>
      <c r="BX35" s="725"/>
      <c r="BY35" s="725"/>
      <c r="BZ35" s="725"/>
      <c r="CA35" s="725"/>
      <c r="CB35" s="726"/>
      <c r="CD35" s="707" t="s">
        <v>321</v>
      </c>
      <c r="CE35" s="704"/>
      <c r="CF35" s="704"/>
      <c r="CG35" s="704"/>
      <c r="CH35" s="704"/>
      <c r="CI35" s="704"/>
      <c r="CJ35" s="704"/>
      <c r="CK35" s="704"/>
      <c r="CL35" s="704"/>
      <c r="CM35" s="704"/>
      <c r="CN35" s="704"/>
      <c r="CO35" s="704"/>
      <c r="CP35" s="704"/>
      <c r="CQ35" s="705"/>
      <c r="CR35" s="665">
        <v>37777</v>
      </c>
      <c r="CS35" s="676"/>
      <c r="CT35" s="676"/>
      <c r="CU35" s="676"/>
      <c r="CV35" s="676"/>
      <c r="CW35" s="676"/>
      <c r="CX35" s="676"/>
      <c r="CY35" s="677"/>
      <c r="CZ35" s="668">
        <v>0.9</v>
      </c>
      <c r="DA35" s="678"/>
      <c r="DB35" s="678"/>
      <c r="DC35" s="679"/>
      <c r="DD35" s="671">
        <v>20495</v>
      </c>
      <c r="DE35" s="676"/>
      <c r="DF35" s="676"/>
      <c r="DG35" s="676"/>
      <c r="DH35" s="676"/>
      <c r="DI35" s="676"/>
      <c r="DJ35" s="676"/>
      <c r="DK35" s="677"/>
      <c r="DL35" s="671">
        <v>19458</v>
      </c>
      <c r="DM35" s="676"/>
      <c r="DN35" s="676"/>
      <c r="DO35" s="676"/>
      <c r="DP35" s="676"/>
      <c r="DQ35" s="676"/>
      <c r="DR35" s="676"/>
      <c r="DS35" s="676"/>
      <c r="DT35" s="676"/>
      <c r="DU35" s="676"/>
      <c r="DV35" s="677"/>
      <c r="DW35" s="668">
        <v>0.8</v>
      </c>
      <c r="DX35" s="678"/>
      <c r="DY35" s="678"/>
      <c r="DZ35" s="678"/>
      <c r="EA35" s="678"/>
      <c r="EB35" s="678"/>
      <c r="EC35" s="699"/>
    </row>
    <row r="36" spans="2:133" ht="11.25" customHeight="1" x14ac:dyDescent="0.2">
      <c r="B36" s="662" t="s">
        <v>322</v>
      </c>
      <c r="C36" s="663"/>
      <c r="D36" s="663"/>
      <c r="E36" s="663"/>
      <c r="F36" s="663"/>
      <c r="G36" s="663"/>
      <c r="H36" s="663"/>
      <c r="I36" s="663"/>
      <c r="J36" s="663"/>
      <c r="K36" s="663"/>
      <c r="L36" s="663"/>
      <c r="M36" s="663"/>
      <c r="N36" s="663"/>
      <c r="O36" s="663"/>
      <c r="P36" s="663"/>
      <c r="Q36" s="664"/>
      <c r="R36" s="665">
        <v>40554</v>
      </c>
      <c r="S36" s="666"/>
      <c r="T36" s="666"/>
      <c r="U36" s="666"/>
      <c r="V36" s="666"/>
      <c r="W36" s="666"/>
      <c r="X36" s="666"/>
      <c r="Y36" s="667"/>
      <c r="Z36" s="692">
        <v>0.9</v>
      </c>
      <c r="AA36" s="692"/>
      <c r="AB36" s="692"/>
      <c r="AC36" s="692"/>
      <c r="AD36" s="693" t="s">
        <v>126</v>
      </c>
      <c r="AE36" s="693"/>
      <c r="AF36" s="693"/>
      <c r="AG36" s="693"/>
      <c r="AH36" s="693"/>
      <c r="AI36" s="693"/>
      <c r="AJ36" s="693"/>
      <c r="AK36" s="693"/>
      <c r="AL36" s="668" t="s">
        <v>126</v>
      </c>
      <c r="AM36" s="669"/>
      <c r="AN36" s="669"/>
      <c r="AO36" s="694"/>
      <c r="AP36" s="218"/>
      <c r="AQ36" s="715" t="s">
        <v>323</v>
      </c>
      <c r="AR36" s="716"/>
      <c r="AS36" s="716"/>
      <c r="AT36" s="716"/>
      <c r="AU36" s="716"/>
      <c r="AV36" s="716"/>
      <c r="AW36" s="716"/>
      <c r="AX36" s="716"/>
      <c r="AY36" s="717"/>
      <c r="AZ36" s="718">
        <v>559286</v>
      </c>
      <c r="BA36" s="719"/>
      <c r="BB36" s="719"/>
      <c r="BC36" s="719"/>
      <c r="BD36" s="719"/>
      <c r="BE36" s="719"/>
      <c r="BF36" s="720"/>
      <c r="BG36" s="721" t="s">
        <v>324</v>
      </c>
      <c r="BH36" s="722"/>
      <c r="BI36" s="722"/>
      <c r="BJ36" s="722"/>
      <c r="BK36" s="722"/>
      <c r="BL36" s="722"/>
      <c r="BM36" s="722"/>
      <c r="BN36" s="722"/>
      <c r="BO36" s="722"/>
      <c r="BP36" s="722"/>
      <c r="BQ36" s="722"/>
      <c r="BR36" s="722"/>
      <c r="BS36" s="722"/>
      <c r="BT36" s="722"/>
      <c r="BU36" s="723"/>
      <c r="BV36" s="718">
        <v>59691</v>
      </c>
      <c r="BW36" s="719"/>
      <c r="BX36" s="719"/>
      <c r="BY36" s="719"/>
      <c r="BZ36" s="719"/>
      <c r="CA36" s="719"/>
      <c r="CB36" s="720"/>
      <c r="CD36" s="707" t="s">
        <v>325</v>
      </c>
      <c r="CE36" s="704"/>
      <c r="CF36" s="704"/>
      <c r="CG36" s="704"/>
      <c r="CH36" s="704"/>
      <c r="CI36" s="704"/>
      <c r="CJ36" s="704"/>
      <c r="CK36" s="704"/>
      <c r="CL36" s="704"/>
      <c r="CM36" s="704"/>
      <c r="CN36" s="704"/>
      <c r="CO36" s="704"/>
      <c r="CP36" s="704"/>
      <c r="CQ36" s="705"/>
      <c r="CR36" s="665">
        <v>726320</v>
      </c>
      <c r="CS36" s="666"/>
      <c r="CT36" s="666"/>
      <c r="CU36" s="666"/>
      <c r="CV36" s="666"/>
      <c r="CW36" s="666"/>
      <c r="CX36" s="666"/>
      <c r="CY36" s="667"/>
      <c r="CZ36" s="668">
        <v>17.8</v>
      </c>
      <c r="DA36" s="678"/>
      <c r="DB36" s="678"/>
      <c r="DC36" s="679"/>
      <c r="DD36" s="671">
        <v>544016</v>
      </c>
      <c r="DE36" s="666"/>
      <c r="DF36" s="666"/>
      <c r="DG36" s="666"/>
      <c r="DH36" s="666"/>
      <c r="DI36" s="666"/>
      <c r="DJ36" s="666"/>
      <c r="DK36" s="667"/>
      <c r="DL36" s="671">
        <v>434748</v>
      </c>
      <c r="DM36" s="666"/>
      <c r="DN36" s="666"/>
      <c r="DO36" s="666"/>
      <c r="DP36" s="666"/>
      <c r="DQ36" s="666"/>
      <c r="DR36" s="666"/>
      <c r="DS36" s="666"/>
      <c r="DT36" s="666"/>
      <c r="DU36" s="666"/>
      <c r="DV36" s="667"/>
      <c r="DW36" s="668">
        <v>17.100000000000001</v>
      </c>
      <c r="DX36" s="678"/>
      <c r="DY36" s="678"/>
      <c r="DZ36" s="678"/>
      <c r="EA36" s="678"/>
      <c r="EB36" s="678"/>
      <c r="EC36" s="699"/>
    </row>
    <row r="37" spans="2:133" ht="11.25" customHeight="1" x14ac:dyDescent="0.2">
      <c r="B37" s="662" t="s">
        <v>326</v>
      </c>
      <c r="C37" s="663"/>
      <c r="D37" s="663"/>
      <c r="E37" s="663"/>
      <c r="F37" s="663"/>
      <c r="G37" s="663"/>
      <c r="H37" s="663"/>
      <c r="I37" s="663"/>
      <c r="J37" s="663"/>
      <c r="K37" s="663"/>
      <c r="L37" s="663"/>
      <c r="M37" s="663"/>
      <c r="N37" s="663"/>
      <c r="O37" s="663"/>
      <c r="P37" s="663"/>
      <c r="Q37" s="664"/>
      <c r="R37" s="665">
        <v>173083</v>
      </c>
      <c r="S37" s="666"/>
      <c r="T37" s="666"/>
      <c r="U37" s="666"/>
      <c r="V37" s="666"/>
      <c r="W37" s="666"/>
      <c r="X37" s="666"/>
      <c r="Y37" s="667"/>
      <c r="Z37" s="692">
        <v>3.9</v>
      </c>
      <c r="AA37" s="692"/>
      <c r="AB37" s="692"/>
      <c r="AC37" s="692"/>
      <c r="AD37" s="693" t="s">
        <v>126</v>
      </c>
      <c r="AE37" s="693"/>
      <c r="AF37" s="693"/>
      <c r="AG37" s="693"/>
      <c r="AH37" s="693"/>
      <c r="AI37" s="693"/>
      <c r="AJ37" s="693"/>
      <c r="AK37" s="693"/>
      <c r="AL37" s="668" t="s">
        <v>126</v>
      </c>
      <c r="AM37" s="669"/>
      <c r="AN37" s="669"/>
      <c r="AO37" s="694"/>
      <c r="AQ37" s="700" t="s">
        <v>327</v>
      </c>
      <c r="AR37" s="701"/>
      <c r="AS37" s="701"/>
      <c r="AT37" s="701"/>
      <c r="AU37" s="701"/>
      <c r="AV37" s="701"/>
      <c r="AW37" s="701"/>
      <c r="AX37" s="701"/>
      <c r="AY37" s="702"/>
      <c r="AZ37" s="665">
        <v>88973</v>
      </c>
      <c r="BA37" s="666"/>
      <c r="BB37" s="666"/>
      <c r="BC37" s="666"/>
      <c r="BD37" s="676"/>
      <c r="BE37" s="676"/>
      <c r="BF37" s="703"/>
      <c r="BG37" s="707" t="s">
        <v>328</v>
      </c>
      <c r="BH37" s="704"/>
      <c r="BI37" s="704"/>
      <c r="BJ37" s="704"/>
      <c r="BK37" s="704"/>
      <c r="BL37" s="704"/>
      <c r="BM37" s="704"/>
      <c r="BN37" s="704"/>
      <c r="BO37" s="704"/>
      <c r="BP37" s="704"/>
      <c r="BQ37" s="704"/>
      <c r="BR37" s="704"/>
      <c r="BS37" s="704"/>
      <c r="BT37" s="704"/>
      <c r="BU37" s="705"/>
      <c r="BV37" s="665">
        <v>56340</v>
      </c>
      <c r="BW37" s="666"/>
      <c r="BX37" s="666"/>
      <c r="BY37" s="666"/>
      <c r="BZ37" s="666"/>
      <c r="CA37" s="666"/>
      <c r="CB37" s="706"/>
      <c r="CD37" s="707" t="s">
        <v>329</v>
      </c>
      <c r="CE37" s="704"/>
      <c r="CF37" s="704"/>
      <c r="CG37" s="704"/>
      <c r="CH37" s="704"/>
      <c r="CI37" s="704"/>
      <c r="CJ37" s="704"/>
      <c r="CK37" s="704"/>
      <c r="CL37" s="704"/>
      <c r="CM37" s="704"/>
      <c r="CN37" s="704"/>
      <c r="CO37" s="704"/>
      <c r="CP37" s="704"/>
      <c r="CQ37" s="705"/>
      <c r="CR37" s="665">
        <v>268374</v>
      </c>
      <c r="CS37" s="676"/>
      <c r="CT37" s="676"/>
      <c r="CU37" s="676"/>
      <c r="CV37" s="676"/>
      <c r="CW37" s="676"/>
      <c r="CX37" s="676"/>
      <c r="CY37" s="677"/>
      <c r="CZ37" s="668">
        <v>6.6</v>
      </c>
      <c r="DA37" s="678"/>
      <c r="DB37" s="678"/>
      <c r="DC37" s="679"/>
      <c r="DD37" s="671">
        <v>238599</v>
      </c>
      <c r="DE37" s="676"/>
      <c r="DF37" s="676"/>
      <c r="DG37" s="676"/>
      <c r="DH37" s="676"/>
      <c r="DI37" s="676"/>
      <c r="DJ37" s="676"/>
      <c r="DK37" s="677"/>
      <c r="DL37" s="671">
        <v>219976</v>
      </c>
      <c r="DM37" s="676"/>
      <c r="DN37" s="676"/>
      <c r="DO37" s="676"/>
      <c r="DP37" s="676"/>
      <c r="DQ37" s="676"/>
      <c r="DR37" s="676"/>
      <c r="DS37" s="676"/>
      <c r="DT37" s="676"/>
      <c r="DU37" s="676"/>
      <c r="DV37" s="677"/>
      <c r="DW37" s="668">
        <v>8.6</v>
      </c>
      <c r="DX37" s="678"/>
      <c r="DY37" s="678"/>
      <c r="DZ37" s="678"/>
      <c r="EA37" s="678"/>
      <c r="EB37" s="678"/>
      <c r="EC37" s="699"/>
    </row>
    <row r="38" spans="2:133" ht="11.25" customHeight="1" x14ac:dyDescent="0.2">
      <c r="B38" s="662" t="s">
        <v>330</v>
      </c>
      <c r="C38" s="663"/>
      <c r="D38" s="663"/>
      <c r="E38" s="663"/>
      <c r="F38" s="663"/>
      <c r="G38" s="663"/>
      <c r="H38" s="663"/>
      <c r="I38" s="663"/>
      <c r="J38" s="663"/>
      <c r="K38" s="663"/>
      <c r="L38" s="663"/>
      <c r="M38" s="663"/>
      <c r="N38" s="663"/>
      <c r="O38" s="663"/>
      <c r="P38" s="663"/>
      <c r="Q38" s="664"/>
      <c r="R38" s="665">
        <v>154616</v>
      </c>
      <c r="S38" s="666"/>
      <c r="T38" s="666"/>
      <c r="U38" s="666"/>
      <c r="V38" s="666"/>
      <c r="W38" s="666"/>
      <c r="X38" s="666"/>
      <c r="Y38" s="667"/>
      <c r="Z38" s="692">
        <v>3.5</v>
      </c>
      <c r="AA38" s="692"/>
      <c r="AB38" s="692"/>
      <c r="AC38" s="692"/>
      <c r="AD38" s="693" t="s">
        <v>126</v>
      </c>
      <c r="AE38" s="693"/>
      <c r="AF38" s="693"/>
      <c r="AG38" s="693"/>
      <c r="AH38" s="693"/>
      <c r="AI38" s="693"/>
      <c r="AJ38" s="693"/>
      <c r="AK38" s="693"/>
      <c r="AL38" s="668" t="s">
        <v>126</v>
      </c>
      <c r="AM38" s="669"/>
      <c r="AN38" s="669"/>
      <c r="AO38" s="694"/>
      <c r="AQ38" s="700" t="s">
        <v>331</v>
      </c>
      <c r="AR38" s="701"/>
      <c r="AS38" s="701"/>
      <c r="AT38" s="701"/>
      <c r="AU38" s="701"/>
      <c r="AV38" s="701"/>
      <c r="AW38" s="701"/>
      <c r="AX38" s="701"/>
      <c r="AY38" s="702"/>
      <c r="AZ38" s="665">
        <v>25980</v>
      </c>
      <c r="BA38" s="666"/>
      <c r="BB38" s="666"/>
      <c r="BC38" s="666"/>
      <c r="BD38" s="676"/>
      <c r="BE38" s="676"/>
      <c r="BF38" s="703"/>
      <c r="BG38" s="707" t="s">
        <v>332</v>
      </c>
      <c r="BH38" s="704"/>
      <c r="BI38" s="704"/>
      <c r="BJ38" s="704"/>
      <c r="BK38" s="704"/>
      <c r="BL38" s="704"/>
      <c r="BM38" s="704"/>
      <c r="BN38" s="704"/>
      <c r="BO38" s="704"/>
      <c r="BP38" s="704"/>
      <c r="BQ38" s="704"/>
      <c r="BR38" s="704"/>
      <c r="BS38" s="704"/>
      <c r="BT38" s="704"/>
      <c r="BU38" s="705"/>
      <c r="BV38" s="665">
        <v>1354</v>
      </c>
      <c r="BW38" s="666"/>
      <c r="BX38" s="666"/>
      <c r="BY38" s="666"/>
      <c r="BZ38" s="666"/>
      <c r="CA38" s="666"/>
      <c r="CB38" s="706"/>
      <c r="CD38" s="707" t="s">
        <v>333</v>
      </c>
      <c r="CE38" s="704"/>
      <c r="CF38" s="704"/>
      <c r="CG38" s="704"/>
      <c r="CH38" s="704"/>
      <c r="CI38" s="704"/>
      <c r="CJ38" s="704"/>
      <c r="CK38" s="704"/>
      <c r="CL38" s="704"/>
      <c r="CM38" s="704"/>
      <c r="CN38" s="704"/>
      <c r="CO38" s="704"/>
      <c r="CP38" s="704"/>
      <c r="CQ38" s="705"/>
      <c r="CR38" s="665">
        <v>533306</v>
      </c>
      <c r="CS38" s="666"/>
      <c r="CT38" s="666"/>
      <c r="CU38" s="666"/>
      <c r="CV38" s="666"/>
      <c r="CW38" s="666"/>
      <c r="CX38" s="666"/>
      <c r="CY38" s="667"/>
      <c r="CZ38" s="668">
        <v>13.1</v>
      </c>
      <c r="DA38" s="678"/>
      <c r="DB38" s="678"/>
      <c r="DC38" s="679"/>
      <c r="DD38" s="671">
        <v>462146</v>
      </c>
      <c r="DE38" s="666"/>
      <c r="DF38" s="666"/>
      <c r="DG38" s="666"/>
      <c r="DH38" s="666"/>
      <c r="DI38" s="666"/>
      <c r="DJ38" s="666"/>
      <c r="DK38" s="667"/>
      <c r="DL38" s="671">
        <v>355937</v>
      </c>
      <c r="DM38" s="666"/>
      <c r="DN38" s="666"/>
      <c r="DO38" s="666"/>
      <c r="DP38" s="666"/>
      <c r="DQ38" s="666"/>
      <c r="DR38" s="666"/>
      <c r="DS38" s="666"/>
      <c r="DT38" s="666"/>
      <c r="DU38" s="666"/>
      <c r="DV38" s="667"/>
      <c r="DW38" s="668">
        <v>14</v>
      </c>
      <c r="DX38" s="678"/>
      <c r="DY38" s="678"/>
      <c r="DZ38" s="678"/>
      <c r="EA38" s="678"/>
      <c r="EB38" s="678"/>
      <c r="EC38" s="699"/>
    </row>
    <row r="39" spans="2:133" ht="11.25" customHeight="1" x14ac:dyDescent="0.2">
      <c r="B39" s="662" t="s">
        <v>334</v>
      </c>
      <c r="C39" s="663"/>
      <c r="D39" s="663"/>
      <c r="E39" s="663"/>
      <c r="F39" s="663"/>
      <c r="G39" s="663"/>
      <c r="H39" s="663"/>
      <c r="I39" s="663"/>
      <c r="J39" s="663"/>
      <c r="K39" s="663"/>
      <c r="L39" s="663"/>
      <c r="M39" s="663"/>
      <c r="N39" s="663"/>
      <c r="O39" s="663"/>
      <c r="P39" s="663"/>
      <c r="Q39" s="664"/>
      <c r="R39" s="665">
        <v>54811</v>
      </c>
      <c r="S39" s="666"/>
      <c r="T39" s="666"/>
      <c r="U39" s="666"/>
      <c r="V39" s="666"/>
      <c r="W39" s="666"/>
      <c r="X39" s="666"/>
      <c r="Y39" s="667"/>
      <c r="Z39" s="692">
        <v>1.2</v>
      </c>
      <c r="AA39" s="692"/>
      <c r="AB39" s="692"/>
      <c r="AC39" s="692"/>
      <c r="AD39" s="693">
        <v>254</v>
      </c>
      <c r="AE39" s="693"/>
      <c r="AF39" s="693"/>
      <c r="AG39" s="693"/>
      <c r="AH39" s="693"/>
      <c r="AI39" s="693"/>
      <c r="AJ39" s="693"/>
      <c r="AK39" s="693"/>
      <c r="AL39" s="668">
        <v>0</v>
      </c>
      <c r="AM39" s="669"/>
      <c r="AN39" s="669"/>
      <c r="AO39" s="694"/>
      <c r="AQ39" s="700" t="s">
        <v>335</v>
      </c>
      <c r="AR39" s="701"/>
      <c r="AS39" s="701"/>
      <c r="AT39" s="701"/>
      <c r="AU39" s="701"/>
      <c r="AV39" s="701"/>
      <c r="AW39" s="701"/>
      <c r="AX39" s="701"/>
      <c r="AY39" s="702"/>
      <c r="AZ39" s="665">
        <v>14819</v>
      </c>
      <c r="BA39" s="666"/>
      <c r="BB39" s="666"/>
      <c r="BC39" s="666"/>
      <c r="BD39" s="676"/>
      <c r="BE39" s="676"/>
      <c r="BF39" s="703"/>
      <c r="BG39" s="707" t="s">
        <v>336</v>
      </c>
      <c r="BH39" s="704"/>
      <c r="BI39" s="704"/>
      <c r="BJ39" s="704"/>
      <c r="BK39" s="704"/>
      <c r="BL39" s="704"/>
      <c r="BM39" s="704"/>
      <c r="BN39" s="704"/>
      <c r="BO39" s="704"/>
      <c r="BP39" s="704"/>
      <c r="BQ39" s="704"/>
      <c r="BR39" s="704"/>
      <c r="BS39" s="704"/>
      <c r="BT39" s="704"/>
      <c r="BU39" s="705"/>
      <c r="BV39" s="665">
        <v>2068</v>
      </c>
      <c r="BW39" s="666"/>
      <c r="BX39" s="666"/>
      <c r="BY39" s="666"/>
      <c r="BZ39" s="666"/>
      <c r="CA39" s="666"/>
      <c r="CB39" s="706"/>
      <c r="CD39" s="707" t="s">
        <v>337</v>
      </c>
      <c r="CE39" s="704"/>
      <c r="CF39" s="704"/>
      <c r="CG39" s="704"/>
      <c r="CH39" s="704"/>
      <c r="CI39" s="704"/>
      <c r="CJ39" s="704"/>
      <c r="CK39" s="704"/>
      <c r="CL39" s="704"/>
      <c r="CM39" s="704"/>
      <c r="CN39" s="704"/>
      <c r="CO39" s="704"/>
      <c r="CP39" s="704"/>
      <c r="CQ39" s="705"/>
      <c r="CR39" s="665">
        <v>353676</v>
      </c>
      <c r="CS39" s="676"/>
      <c r="CT39" s="676"/>
      <c r="CU39" s="676"/>
      <c r="CV39" s="676"/>
      <c r="CW39" s="676"/>
      <c r="CX39" s="676"/>
      <c r="CY39" s="677"/>
      <c r="CZ39" s="668">
        <v>8.6999999999999993</v>
      </c>
      <c r="DA39" s="678"/>
      <c r="DB39" s="678"/>
      <c r="DC39" s="679"/>
      <c r="DD39" s="671">
        <v>309390</v>
      </c>
      <c r="DE39" s="676"/>
      <c r="DF39" s="676"/>
      <c r="DG39" s="676"/>
      <c r="DH39" s="676"/>
      <c r="DI39" s="676"/>
      <c r="DJ39" s="676"/>
      <c r="DK39" s="677"/>
      <c r="DL39" s="671" t="s">
        <v>126</v>
      </c>
      <c r="DM39" s="676"/>
      <c r="DN39" s="676"/>
      <c r="DO39" s="676"/>
      <c r="DP39" s="676"/>
      <c r="DQ39" s="676"/>
      <c r="DR39" s="676"/>
      <c r="DS39" s="676"/>
      <c r="DT39" s="676"/>
      <c r="DU39" s="676"/>
      <c r="DV39" s="677"/>
      <c r="DW39" s="668" t="s">
        <v>126</v>
      </c>
      <c r="DX39" s="678"/>
      <c r="DY39" s="678"/>
      <c r="DZ39" s="678"/>
      <c r="EA39" s="678"/>
      <c r="EB39" s="678"/>
      <c r="EC39" s="699"/>
    </row>
    <row r="40" spans="2:133" ht="11.25" customHeight="1" x14ac:dyDescent="0.2">
      <c r="B40" s="662" t="s">
        <v>338</v>
      </c>
      <c r="C40" s="663"/>
      <c r="D40" s="663"/>
      <c r="E40" s="663"/>
      <c r="F40" s="663"/>
      <c r="G40" s="663"/>
      <c r="H40" s="663"/>
      <c r="I40" s="663"/>
      <c r="J40" s="663"/>
      <c r="K40" s="663"/>
      <c r="L40" s="663"/>
      <c r="M40" s="663"/>
      <c r="N40" s="663"/>
      <c r="O40" s="663"/>
      <c r="P40" s="663"/>
      <c r="Q40" s="664"/>
      <c r="R40" s="665">
        <v>331728</v>
      </c>
      <c r="S40" s="666"/>
      <c r="T40" s="666"/>
      <c r="U40" s="666"/>
      <c r="V40" s="666"/>
      <c r="W40" s="666"/>
      <c r="X40" s="666"/>
      <c r="Y40" s="667"/>
      <c r="Z40" s="692">
        <v>7.5</v>
      </c>
      <c r="AA40" s="692"/>
      <c r="AB40" s="692"/>
      <c r="AC40" s="692"/>
      <c r="AD40" s="693" t="s">
        <v>126</v>
      </c>
      <c r="AE40" s="693"/>
      <c r="AF40" s="693"/>
      <c r="AG40" s="693"/>
      <c r="AH40" s="693"/>
      <c r="AI40" s="693"/>
      <c r="AJ40" s="693"/>
      <c r="AK40" s="693"/>
      <c r="AL40" s="668" t="s">
        <v>126</v>
      </c>
      <c r="AM40" s="669"/>
      <c r="AN40" s="669"/>
      <c r="AO40" s="694"/>
      <c r="AQ40" s="700" t="s">
        <v>339</v>
      </c>
      <c r="AR40" s="701"/>
      <c r="AS40" s="701"/>
      <c r="AT40" s="701"/>
      <c r="AU40" s="701"/>
      <c r="AV40" s="701"/>
      <c r="AW40" s="701"/>
      <c r="AX40" s="701"/>
      <c r="AY40" s="702"/>
      <c r="AZ40" s="665" t="s">
        <v>126</v>
      </c>
      <c r="BA40" s="666"/>
      <c r="BB40" s="666"/>
      <c r="BC40" s="666"/>
      <c r="BD40" s="676"/>
      <c r="BE40" s="676"/>
      <c r="BF40" s="703"/>
      <c r="BG40" s="708" t="s">
        <v>340</v>
      </c>
      <c r="BH40" s="709"/>
      <c r="BI40" s="709"/>
      <c r="BJ40" s="709"/>
      <c r="BK40" s="709"/>
      <c r="BL40" s="364"/>
      <c r="BM40" s="704" t="s">
        <v>341</v>
      </c>
      <c r="BN40" s="704"/>
      <c r="BO40" s="704"/>
      <c r="BP40" s="704"/>
      <c r="BQ40" s="704"/>
      <c r="BR40" s="704"/>
      <c r="BS40" s="704"/>
      <c r="BT40" s="704"/>
      <c r="BU40" s="705"/>
      <c r="BV40" s="665">
        <v>100</v>
      </c>
      <c r="BW40" s="666"/>
      <c r="BX40" s="666"/>
      <c r="BY40" s="666"/>
      <c r="BZ40" s="666"/>
      <c r="CA40" s="666"/>
      <c r="CB40" s="706"/>
      <c r="CD40" s="707" t="s">
        <v>342</v>
      </c>
      <c r="CE40" s="704"/>
      <c r="CF40" s="704"/>
      <c r="CG40" s="704"/>
      <c r="CH40" s="704"/>
      <c r="CI40" s="704"/>
      <c r="CJ40" s="704"/>
      <c r="CK40" s="704"/>
      <c r="CL40" s="704"/>
      <c r="CM40" s="704"/>
      <c r="CN40" s="704"/>
      <c r="CO40" s="704"/>
      <c r="CP40" s="704"/>
      <c r="CQ40" s="705"/>
      <c r="CR40" s="665">
        <v>29240</v>
      </c>
      <c r="CS40" s="666"/>
      <c r="CT40" s="666"/>
      <c r="CU40" s="666"/>
      <c r="CV40" s="666"/>
      <c r="CW40" s="666"/>
      <c r="CX40" s="666"/>
      <c r="CY40" s="667"/>
      <c r="CZ40" s="668">
        <v>0.7</v>
      </c>
      <c r="DA40" s="678"/>
      <c r="DB40" s="678"/>
      <c r="DC40" s="679"/>
      <c r="DD40" s="671">
        <v>25500</v>
      </c>
      <c r="DE40" s="666"/>
      <c r="DF40" s="666"/>
      <c r="DG40" s="666"/>
      <c r="DH40" s="666"/>
      <c r="DI40" s="666"/>
      <c r="DJ40" s="666"/>
      <c r="DK40" s="667"/>
      <c r="DL40" s="671" t="s">
        <v>126</v>
      </c>
      <c r="DM40" s="666"/>
      <c r="DN40" s="666"/>
      <c r="DO40" s="666"/>
      <c r="DP40" s="666"/>
      <c r="DQ40" s="666"/>
      <c r="DR40" s="666"/>
      <c r="DS40" s="666"/>
      <c r="DT40" s="666"/>
      <c r="DU40" s="666"/>
      <c r="DV40" s="667"/>
      <c r="DW40" s="668" t="s">
        <v>126</v>
      </c>
      <c r="DX40" s="678"/>
      <c r="DY40" s="678"/>
      <c r="DZ40" s="678"/>
      <c r="EA40" s="678"/>
      <c r="EB40" s="678"/>
      <c r="EC40" s="699"/>
    </row>
    <row r="41" spans="2:133" ht="11.25" customHeight="1" x14ac:dyDescent="0.2">
      <c r="B41" s="662" t="s">
        <v>343</v>
      </c>
      <c r="C41" s="663"/>
      <c r="D41" s="663"/>
      <c r="E41" s="663"/>
      <c r="F41" s="663"/>
      <c r="G41" s="663"/>
      <c r="H41" s="663"/>
      <c r="I41" s="663"/>
      <c r="J41" s="663"/>
      <c r="K41" s="663"/>
      <c r="L41" s="663"/>
      <c r="M41" s="663"/>
      <c r="N41" s="663"/>
      <c r="O41" s="663"/>
      <c r="P41" s="663"/>
      <c r="Q41" s="664"/>
      <c r="R41" s="665" t="s">
        <v>126</v>
      </c>
      <c r="S41" s="666"/>
      <c r="T41" s="666"/>
      <c r="U41" s="666"/>
      <c r="V41" s="666"/>
      <c r="W41" s="666"/>
      <c r="X41" s="666"/>
      <c r="Y41" s="667"/>
      <c r="Z41" s="692" t="s">
        <v>126</v>
      </c>
      <c r="AA41" s="692"/>
      <c r="AB41" s="692"/>
      <c r="AC41" s="692"/>
      <c r="AD41" s="693" t="s">
        <v>126</v>
      </c>
      <c r="AE41" s="693"/>
      <c r="AF41" s="693"/>
      <c r="AG41" s="693"/>
      <c r="AH41" s="693"/>
      <c r="AI41" s="693"/>
      <c r="AJ41" s="693"/>
      <c r="AK41" s="693"/>
      <c r="AL41" s="668" t="s">
        <v>126</v>
      </c>
      <c r="AM41" s="669"/>
      <c r="AN41" s="669"/>
      <c r="AO41" s="694"/>
      <c r="AQ41" s="700" t="s">
        <v>344</v>
      </c>
      <c r="AR41" s="701"/>
      <c r="AS41" s="701"/>
      <c r="AT41" s="701"/>
      <c r="AU41" s="701"/>
      <c r="AV41" s="701"/>
      <c r="AW41" s="701"/>
      <c r="AX41" s="701"/>
      <c r="AY41" s="702"/>
      <c r="AZ41" s="665">
        <v>158580</v>
      </c>
      <c r="BA41" s="666"/>
      <c r="BB41" s="666"/>
      <c r="BC41" s="666"/>
      <c r="BD41" s="676"/>
      <c r="BE41" s="676"/>
      <c r="BF41" s="703"/>
      <c r="BG41" s="708"/>
      <c r="BH41" s="709"/>
      <c r="BI41" s="709"/>
      <c r="BJ41" s="709"/>
      <c r="BK41" s="709"/>
      <c r="BL41" s="364"/>
      <c r="BM41" s="704" t="s">
        <v>345</v>
      </c>
      <c r="BN41" s="704"/>
      <c r="BO41" s="704"/>
      <c r="BP41" s="704"/>
      <c r="BQ41" s="704"/>
      <c r="BR41" s="704"/>
      <c r="BS41" s="704"/>
      <c r="BT41" s="704"/>
      <c r="BU41" s="705"/>
      <c r="BV41" s="665" t="s">
        <v>126</v>
      </c>
      <c r="BW41" s="666"/>
      <c r="BX41" s="666"/>
      <c r="BY41" s="666"/>
      <c r="BZ41" s="666"/>
      <c r="CA41" s="666"/>
      <c r="CB41" s="706"/>
      <c r="CD41" s="707" t="s">
        <v>346</v>
      </c>
      <c r="CE41" s="704"/>
      <c r="CF41" s="704"/>
      <c r="CG41" s="704"/>
      <c r="CH41" s="704"/>
      <c r="CI41" s="704"/>
      <c r="CJ41" s="704"/>
      <c r="CK41" s="704"/>
      <c r="CL41" s="704"/>
      <c r="CM41" s="704"/>
      <c r="CN41" s="704"/>
      <c r="CO41" s="704"/>
      <c r="CP41" s="704"/>
      <c r="CQ41" s="705"/>
      <c r="CR41" s="665" t="s">
        <v>126</v>
      </c>
      <c r="CS41" s="676"/>
      <c r="CT41" s="676"/>
      <c r="CU41" s="676"/>
      <c r="CV41" s="676"/>
      <c r="CW41" s="676"/>
      <c r="CX41" s="676"/>
      <c r="CY41" s="677"/>
      <c r="CZ41" s="668" t="s">
        <v>126</v>
      </c>
      <c r="DA41" s="678"/>
      <c r="DB41" s="678"/>
      <c r="DC41" s="679"/>
      <c r="DD41" s="671" t="s">
        <v>126</v>
      </c>
      <c r="DE41" s="676"/>
      <c r="DF41" s="676"/>
      <c r="DG41" s="676"/>
      <c r="DH41" s="676"/>
      <c r="DI41" s="676"/>
      <c r="DJ41" s="676"/>
      <c r="DK41" s="677"/>
      <c r="DL41" s="672"/>
      <c r="DM41" s="673"/>
      <c r="DN41" s="673"/>
      <c r="DO41" s="673"/>
      <c r="DP41" s="673"/>
      <c r="DQ41" s="673"/>
      <c r="DR41" s="673"/>
      <c r="DS41" s="673"/>
      <c r="DT41" s="673"/>
      <c r="DU41" s="673"/>
      <c r="DV41" s="674"/>
      <c r="DW41" s="658"/>
      <c r="DX41" s="659"/>
      <c r="DY41" s="659"/>
      <c r="DZ41" s="659"/>
      <c r="EA41" s="659"/>
      <c r="EB41" s="659"/>
      <c r="EC41" s="660"/>
    </row>
    <row r="42" spans="2:133" ht="11.25" customHeight="1" x14ac:dyDescent="0.2">
      <c r="B42" s="662" t="s">
        <v>347</v>
      </c>
      <c r="C42" s="663"/>
      <c r="D42" s="663"/>
      <c r="E42" s="663"/>
      <c r="F42" s="663"/>
      <c r="G42" s="663"/>
      <c r="H42" s="663"/>
      <c r="I42" s="663"/>
      <c r="J42" s="663"/>
      <c r="K42" s="663"/>
      <c r="L42" s="663"/>
      <c r="M42" s="663"/>
      <c r="N42" s="663"/>
      <c r="O42" s="663"/>
      <c r="P42" s="663"/>
      <c r="Q42" s="664"/>
      <c r="R42" s="665" t="s">
        <v>126</v>
      </c>
      <c r="S42" s="666"/>
      <c r="T42" s="666"/>
      <c r="U42" s="666"/>
      <c r="V42" s="666"/>
      <c r="W42" s="666"/>
      <c r="X42" s="666"/>
      <c r="Y42" s="667"/>
      <c r="Z42" s="692" t="s">
        <v>126</v>
      </c>
      <c r="AA42" s="692"/>
      <c r="AB42" s="692"/>
      <c r="AC42" s="692"/>
      <c r="AD42" s="693" t="s">
        <v>126</v>
      </c>
      <c r="AE42" s="693"/>
      <c r="AF42" s="693"/>
      <c r="AG42" s="693"/>
      <c r="AH42" s="693"/>
      <c r="AI42" s="693"/>
      <c r="AJ42" s="693"/>
      <c r="AK42" s="693"/>
      <c r="AL42" s="668" t="s">
        <v>126</v>
      </c>
      <c r="AM42" s="669"/>
      <c r="AN42" s="669"/>
      <c r="AO42" s="694"/>
      <c r="AQ42" s="712" t="s">
        <v>348</v>
      </c>
      <c r="AR42" s="713"/>
      <c r="AS42" s="713"/>
      <c r="AT42" s="713"/>
      <c r="AU42" s="713"/>
      <c r="AV42" s="713"/>
      <c r="AW42" s="713"/>
      <c r="AX42" s="713"/>
      <c r="AY42" s="714"/>
      <c r="AZ42" s="645">
        <v>270934</v>
      </c>
      <c r="BA42" s="680"/>
      <c r="BB42" s="680"/>
      <c r="BC42" s="680"/>
      <c r="BD42" s="646"/>
      <c r="BE42" s="646"/>
      <c r="BF42" s="695"/>
      <c r="BG42" s="710"/>
      <c r="BH42" s="711"/>
      <c r="BI42" s="711"/>
      <c r="BJ42" s="711"/>
      <c r="BK42" s="711"/>
      <c r="BL42" s="365"/>
      <c r="BM42" s="696" t="s">
        <v>349</v>
      </c>
      <c r="BN42" s="696"/>
      <c r="BO42" s="696"/>
      <c r="BP42" s="696"/>
      <c r="BQ42" s="696"/>
      <c r="BR42" s="696"/>
      <c r="BS42" s="696"/>
      <c r="BT42" s="696"/>
      <c r="BU42" s="697"/>
      <c r="BV42" s="645">
        <v>377</v>
      </c>
      <c r="BW42" s="680"/>
      <c r="BX42" s="680"/>
      <c r="BY42" s="680"/>
      <c r="BZ42" s="680"/>
      <c r="CA42" s="680"/>
      <c r="CB42" s="698"/>
      <c r="CD42" s="662" t="s">
        <v>350</v>
      </c>
      <c r="CE42" s="663"/>
      <c r="CF42" s="663"/>
      <c r="CG42" s="663"/>
      <c r="CH42" s="663"/>
      <c r="CI42" s="663"/>
      <c r="CJ42" s="663"/>
      <c r="CK42" s="663"/>
      <c r="CL42" s="663"/>
      <c r="CM42" s="663"/>
      <c r="CN42" s="663"/>
      <c r="CO42" s="663"/>
      <c r="CP42" s="663"/>
      <c r="CQ42" s="664"/>
      <c r="CR42" s="665">
        <v>181496</v>
      </c>
      <c r="CS42" s="676"/>
      <c r="CT42" s="676"/>
      <c r="CU42" s="676"/>
      <c r="CV42" s="676"/>
      <c r="CW42" s="676"/>
      <c r="CX42" s="676"/>
      <c r="CY42" s="677"/>
      <c r="CZ42" s="668">
        <v>4.5</v>
      </c>
      <c r="DA42" s="678"/>
      <c r="DB42" s="678"/>
      <c r="DC42" s="679"/>
      <c r="DD42" s="671">
        <v>21998</v>
      </c>
      <c r="DE42" s="676"/>
      <c r="DF42" s="676"/>
      <c r="DG42" s="676"/>
      <c r="DH42" s="676"/>
      <c r="DI42" s="676"/>
      <c r="DJ42" s="676"/>
      <c r="DK42" s="677"/>
      <c r="DL42" s="672"/>
      <c r="DM42" s="673"/>
      <c r="DN42" s="673"/>
      <c r="DO42" s="673"/>
      <c r="DP42" s="673"/>
      <c r="DQ42" s="673"/>
      <c r="DR42" s="673"/>
      <c r="DS42" s="673"/>
      <c r="DT42" s="673"/>
      <c r="DU42" s="673"/>
      <c r="DV42" s="674"/>
      <c r="DW42" s="658"/>
      <c r="DX42" s="659"/>
      <c r="DY42" s="659"/>
      <c r="DZ42" s="659"/>
      <c r="EA42" s="659"/>
      <c r="EB42" s="659"/>
      <c r="EC42" s="660"/>
    </row>
    <row r="43" spans="2:133" ht="11.25" customHeight="1" x14ac:dyDescent="0.2">
      <c r="B43" s="662" t="s">
        <v>351</v>
      </c>
      <c r="C43" s="663"/>
      <c r="D43" s="663"/>
      <c r="E43" s="663"/>
      <c r="F43" s="663"/>
      <c r="G43" s="663"/>
      <c r="H43" s="663"/>
      <c r="I43" s="663"/>
      <c r="J43" s="663"/>
      <c r="K43" s="663"/>
      <c r="L43" s="663"/>
      <c r="M43" s="663"/>
      <c r="N43" s="663"/>
      <c r="O43" s="663"/>
      <c r="P43" s="663"/>
      <c r="Q43" s="664"/>
      <c r="R43" s="665">
        <v>137528</v>
      </c>
      <c r="S43" s="666"/>
      <c r="T43" s="666"/>
      <c r="U43" s="666"/>
      <c r="V43" s="666"/>
      <c r="W43" s="666"/>
      <c r="X43" s="666"/>
      <c r="Y43" s="667"/>
      <c r="Z43" s="692">
        <v>3.1</v>
      </c>
      <c r="AA43" s="692"/>
      <c r="AB43" s="692"/>
      <c r="AC43" s="692"/>
      <c r="AD43" s="693" t="s">
        <v>126</v>
      </c>
      <c r="AE43" s="693"/>
      <c r="AF43" s="693"/>
      <c r="AG43" s="693"/>
      <c r="AH43" s="693"/>
      <c r="AI43" s="693"/>
      <c r="AJ43" s="693"/>
      <c r="AK43" s="693"/>
      <c r="AL43" s="668" t="s">
        <v>126</v>
      </c>
      <c r="AM43" s="669"/>
      <c r="AN43" s="669"/>
      <c r="AO43" s="694"/>
      <c r="BV43" s="219"/>
      <c r="BW43" s="219"/>
      <c r="BX43" s="219"/>
      <c r="BY43" s="219"/>
      <c r="BZ43" s="219"/>
      <c r="CA43" s="219"/>
      <c r="CB43" s="219"/>
      <c r="CD43" s="662" t="s">
        <v>352</v>
      </c>
      <c r="CE43" s="663"/>
      <c r="CF43" s="663"/>
      <c r="CG43" s="663"/>
      <c r="CH43" s="663"/>
      <c r="CI43" s="663"/>
      <c r="CJ43" s="663"/>
      <c r="CK43" s="663"/>
      <c r="CL43" s="663"/>
      <c r="CM43" s="663"/>
      <c r="CN43" s="663"/>
      <c r="CO43" s="663"/>
      <c r="CP43" s="663"/>
      <c r="CQ43" s="664"/>
      <c r="CR43" s="665">
        <v>6049</v>
      </c>
      <c r="CS43" s="676"/>
      <c r="CT43" s="676"/>
      <c r="CU43" s="676"/>
      <c r="CV43" s="676"/>
      <c r="CW43" s="676"/>
      <c r="CX43" s="676"/>
      <c r="CY43" s="677"/>
      <c r="CZ43" s="668">
        <v>0.1</v>
      </c>
      <c r="DA43" s="678"/>
      <c r="DB43" s="678"/>
      <c r="DC43" s="679"/>
      <c r="DD43" s="671">
        <v>6049</v>
      </c>
      <c r="DE43" s="676"/>
      <c r="DF43" s="676"/>
      <c r="DG43" s="676"/>
      <c r="DH43" s="676"/>
      <c r="DI43" s="676"/>
      <c r="DJ43" s="676"/>
      <c r="DK43" s="677"/>
      <c r="DL43" s="672"/>
      <c r="DM43" s="673"/>
      <c r="DN43" s="673"/>
      <c r="DO43" s="673"/>
      <c r="DP43" s="673"/>
      <c r="DQ43" s="673"/>
      <c r="DR43" s="673"/>
      <c r="DS43" s="673"/>
      <c r="DT43" s="673"/>
      <c r="DU43" s="673"/>
      <c r="DV43" s="674"/>
      <c r="DW43" s="658"/>
      <c r="DX43" s="659"/>
      <c r="DY43" s="659"/>
      <c r="DZ43" s="659"/>
      <c r="EA43" s="659"/>
      <c r="EB43" s="659"/>
      <c r="EC43" s="660"/>
    </row>
    <row r="44" spans="2:133" ht="11.25" customHeight="1" x14ac:dyDescent="0.2">
      <c r="B44" s="642" t="s">
        <v>353</v>
      </c>
      <c r="C44" s="643"/>
      <c r="D44" s="643"/>
      <c r="E44" s="643"/>
      <c r="F44" s="643"/>
      <c r="G44" s="643"/>
      <c r="H44" s="643"/>
      <c r="I44" s="643"/>
      <c r="J44" s="643"/>
      <c r="K44" s="643"/>
      <c r="L44" s="643"/>
      <c r="M44" s="643"/>
      <c r="N44" s="643"/>
      <c r="O44" s="643"/>
      <c r="P44" s="643"/>
      <c r="Q44" s="644"/>
      <c r="R44" s="645">
        <v>4416745</v>
      </c>
      <c r="S44" s="680"/>
      <c r="T44" s="680"/>
      <c r="U44" s="680"/>
      <c r="V44" s="680"/>
      <c r="W44" s="680"/>
      <c r="X44" s="680"/>
      <c r="Y44" s="681"/>
      <c r="Z44" s="682">
        <v>100</v>
      </c>
      <c r="AA44" s="682"/>
      <c r="AB44" s="682"/>
      <c r="AC44" s="682"/>
      <c r="AD44" s="683">
        <v>2406131</v>
      </c>
      <c r="AE44" s="683"/>
      <c r="AF44" s="683"/>
      <c r="AG44" s="683"/>
      <c r="AH44" s="683"/>
      <c r="AI44" s="683"/>
      <c r="AJ44" s="683"/>
      <c r="AK44" s="683"/>
      <c r="AL44" s="648">
        <v>100</v>
      </c>
      <c r="AM44" s="684"/>
      <c r="AN44" s="684"/>
      <c r="AO44" s="685"/>
      <c r="CD44" s="686" t="s">
        <v>300</v>
      </c>
      <c r="CE44" s="687"/>
      <c r="CF44" s="662" t="s">
        <v>354</v>
      </c>
      <c r="CG44" s="663"/>
      <c r="CH44" s="663"/>
      <c r="CI44" s="663"/>
      <c r="CJ44" s="663"/>
      <c r="CK44" s="663"/>
      <c r="CL44" s="663"/>
      <c r="CM44" s="663"/>
      <c r="CN44" s="663"/>
      <c r="CO44" s="663"/>
      <c r="CP44" s="663"/>
      <c r="CQ44" s="664"/>
      <c r="CR44" s="665">
        <v>157245</v>
      </c>
      <c r="CS44" s="666"/>
      <c r="CT44" s="666"/>
      <c r="CU44" s="666"/>
      <c r="CV44" s="666"/>
      <c r="CW44" s="666"/>
      <c r="CX44" s="666"/>
      <c r="CY44" s="667"/>
      <c r="CZ44" s="668">
        <v>3.9</v>
      </c>
      <c r="DA44" s="669"/>
      <c r="DB44" s="669"/>
      <c r="DC44" s="670"/>
      <c r="DD44" s="671">
        <v>17647</v>
      </c>
      <c r="DE44" s="666"/>
      <c r="DF44" s="666"/>
      <c r="DG44" s="666"/>
      <c r="DH44" s="666"/>
      <c r="DI44" s="666"/>
      <c r="DJ44" s="666"/>
      <c r="DK44" s="667"/>
      <c r="DL44" s="672"/>
      <c r="DM44" s="673"/>
      <c r="DN44" s="673"/>
      <c r="DO44" s="673"/>
      <c r="DP44" s="673"/>
      <c r="DQ44" s="673"/>
      <c r="DR44" s="673"/>
      <c r="DS44" s="673"/>
      <c r="DT44" s="673"/>
      <c r="DU44" s="673"/>
      <c r="DV44" s="674"/>
      <c r="DW44" s="658"/>
      <c r="DX44" s="659"/>
      <c r="DY44" s="659"/>
      <c r="DZ44" s="659"/>
      <c r="EA44" s="659"/>
      <c r="EB44" s="659"/>
      <c r="EC44" s="660"/>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88"/>
      <c r="CE45" s="689"/>
      <c r="CF45" s="662" t="s">
        <v>355</v>
      </c>
      <c r="CG45" s="663"/>
      <c r="CH45" s="663"/>
      <c r="CI45" s="663"/>
      <c r="CJ45" s="663"/>
      <c r="CK45" s="663"/>
      <c r="CL45" s="663"/>
      <c r="CM45" s="663"/>
      <c r="CN45" s="663"/>
      <c r="CO45" s="663"/>
      <c r="CP45" s="663"/>
      <c r="CQ45" s="664"/>
      <c r="CR45" s="665">
        <v>25665</v>
      </c>
      <c r="CS45" s="676"/>
      <c r="CT45" s="676"/>
      <c r="CU45" s="676"/>
      <c r="CV45" s="676"/>
      <c r="CW45" s="676"/>
      <c r="CX45" s="676"/>
      <c r="CY45" s="677"/>
      <c r="CZ45" s="668">
        <v>0.6</v>
      </c>
      <c r="DA45" s="678"/>
      <c r="DB45" s="678"/>
      <c r="DC45" s="679"/>
      <c r="DD45" s="671">
        <v>2068</v>
      </c>
      <c r="DE45" s="676"/>
      <c r="DF45" s="676"/>
      <c r="DG45" s="676"/>
      <c r="DH45" s="676"/>
      <c r="DI45" s="676"/>
      <c r="DJ45" s="676"/>
      <c r="DK45" s="677"/>
      <c r="DL45" s="672"/>
      <c r="DM45" s="673"/>
      <c r="DN45" s="673"/>
      <c r="DO45" s="673"/>
      <c r="DP45" s="673"/>
      <c r="DQ45" s="673"/>
      <c r="DR45" s="673"/>
      <c r="DS45" s="673"/>
      <c r="DT45" s="673"/>
      <c r="DU45" s="673"/>
      <c r="DV45" s="674"/>
      <c r="DW45" s="658"/>
      <c r="DX45" s="659"/>
      <c r="DY45" s="659"/>
      <c r="DZ45" s="659"/>
      <c r="EA45" s="659"/>
      <c r="EB45" s="659"/>
      <c r="EC45" s="660"/>
    </row>
    <row r="46" spans="2:133" ht="11.25" customHeight="1" x14ac:dyDescent="0.2">
      <c r="B46" s="221" t="s">
        <v>356</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88"/>
      <c r="CE46" s="689"/>
      <c r="CF46" s="662" t="s">
        <v>357</v>
      </c>
      <c r="CG46" s="663"/>
      <c r="CH46" s="663"/>
      <c r="CI46" s="663"/>
      <c r="CJ46" s="663"/>
      <c r="CK46" s="663"/>
      <c r="CL46" s="663"/>
      <c r="CM46" s="663"/>
      <c r="CN46" s="663"/>
      <c r="CO46" s="663"/>
      <c r="CP46" s="663"/>
      <c r="CQ46" s="664"/>
      <c r="CR46" s="665">
        <v>122780</v>
      </c>
      <c r="CS46" s="666"/>
      <c r="CT46" s="666"/>
      <c r="CU46" s="666"/>
      <c r="CV46" s="666"/>
      <c r="CW46" s="666"/>
      <c r="CX46" s="666"/>
      <c r="CY46" s="667"/>
      <c r="CZ46" s="668">
        <v>3</v>
      </c>
      <c r="DA46" s="669"/>
      <c r="DB46" s="669"/>
      <c r="DC46" s="670"/>
      <c r="DD46" s="671">
        <v>15579</v>
      </c>
      <c r="DE46" s="666"/>
      <c r="DF46" s="666"/>
      <c r="DG46" s="666"/>
      <c r="DH46" s="666"/>
      <c r="DI46" s="666"/>
      <c r="DJ46" s="666"/>
      <c r="DK46" s="667"/>
      <c r="DL46" s="672"/>
      <c r="DM46" s="673"/>
      <c r="DN46" s="673"/>
      <c r="DO46" s="673"/>
      <c r="DP46" s="673"/>
      <c r="DQ46" s="673"/>
      <c r="DR46" s="673"/>
      <c r="DS46" s="673"/>
      <c r="DT46" s="673"/>
      <c r="DU46" s="673"/>
      <c r="DV46" s="674"/>
      <c r="DW46" s="658"/>
      <c r="DX46" s="659"/>
      <c r="DY46" s="659"/>
      <c r="DZ46" s="659"/>
      <c r="EA46" s="659"/>
      <c r="EB46" s="659"/>
      <c r="EC46" s="660"/>
    </row>
    <row r="47" spans="2:133" ht="11.25" customHeight="1" x14ac:dyDescent="0.2">
      <c r="B47" s="675" t="s">
        <v>358</v>
      </c>
      <c r="C47" s="675"/>
      <c r="D47" s="675"/>
      <c r="E47" s="675"/>
      <c r="F47" s="675"/>
      <c r="G47" s="675"/>
      <c r="H47" s="675"/>
      <c r="I47" s="675"/>
      <c r="J47" s="675"/>
      <c r="K47" s="675"/>
      <c r="L47" s="675"/>
      <c r="M47" s="675"/>
      <c r="N47" s="675"/>
      <c r="O47" s="675"/>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5"/>
      <c r="AM47" s="675"/>
      <c r="AN47" s="675"/>
      <c r="AO47" s="675"/>
      <c r="AP47" s="675"/>
      <c r="AQ47" s="675"/>
      <c r="AR47" s="675"/>
      <c r="AS47" s="675"/>
      <c r="AT47" s="675"/>
      <c r="AU47" s="675"/>
      <c r="AV47" s="675"/>
      <c r="AW47" s="675"/>
      <c r="AX47" s="675"/>
      <c r="AY47" s="675"/>
      <c r="AZ47" s="675"/>
      <c r="BA47" s="675"/>
      <c r="BB47" s="675"/>
      <c r="BC47" s="675"/>
      <c r="BD47" s="675"/>
      <c r="BE47" s="675"/>
      <c r="BF47" s="675"/>
      <c r="BG47" s="675"/>
      <c r="BH47" s="675"/>
      <c r="BI47" s="675"/>
      <c r="BJ47" s="675"/>
      <c r="BK47" s="675"/>
      <c r="BL47" s="675"/>
      <c r="BM47" s="675"/>
      <c r="BN47" s="675"/>
      <c r="BO47" s="675"/>
      <c r="BP47" s="675"/>
      <c r="BQ47" s="675"/>
      <c r="BR47" s="675"/>
      <c r="BS47" s="675"/>
      <c r="BT47" s="675"/>
      <c r="BU47" s="675"/>
      <c r="BV47" s="675"/>
      <c r="BW47" s="675"/>
      <c r="BX47" s="675"/>
      <c r="BY47" s="675"/>
      <c r="BZ47" s="675"/>
      <c r="CA47" s="675"/>
      <c r="CB47" s="675"/>
      <c r="CD47" s="688"/>
      <c r="CE47" s="689"/>
      <c r="CF47" s="662" t="s">
        <v>359</v>
      </c>
      <c r="CG47" s="663"/>
      <c r="CH47" s="663"/>
      <c r="CI47" s="663"/>
      <c r="CJ47" s="663"/>
      <c r="CK47" s="663"/>
      <c r="CL47" s="663"/>
      <c r="CM47" s="663"/>
      <c r="CN47" s="663"/>
      <c r="CO47" s="663"/>
      <c r="CP47" s="663"/>
      <c r="CQ47" s="664"/>
      <c r="CR47" s="665">
        <v>24251</v>
      </c>
      <c r="CS47" s="676"/>
      <c r="CT47" s="676"/>
      <c r="CU47" s="676"/>
      <c r="CV47" s="676"/>
      <c r="CW47" s="676"/>
      <c r="CX47" s="676"/>
      <c r="CY47" s="677"/>
      <c r="CZ47" s="668">
        <v>0.6</v>
      </c>
      <c r="DA47" s="678"/>
      <c r="DB47" s="678"/>
      <c r="DC47" s="679"/>
      <c r="DD47" s="671">
        <v>4351</v>
      </c>
      <c r="DE47" s="676"/>
      <c r="DF47" s="676"/>
      <c r="DG47" s="676"/>
      <c r="DH47" s="676"/>
      <c r="DI47" s="676"/>
      <c r="DJ47" s="676"/>
      <c r="DK47" s="677"/>
      <c r="DL47" s="672"/>
      <c r="DM47" s="673"/>
      <c r="DN47" s="673"/>
      <c r="DO47" s="673"/>
      <c r="DP47" s="673"/>
      <c r="DQ47" s="673"/>
      <c r="DR47" s="673"/>
      <c r="DS47" s="673"/>
      <c r="DT47" s="673"/>
      <c r="DU47" s="673"/>
      <c r="DV47" s="674"/>
      <c r="DW47" s="658"/>
      <c r="DX47" s="659"/>
      <c r="DY47" s="659"/>
      <c r="DZ47" s="659"/>
      <c r="EA47" s="659"/>
      <c r="EB47" s="659"/>
      <c r="EC47" s="660"/>
    </row>
    <row r="48" spans="2:133" ht="10.8" x14ac:dyDescent="0.2">
      <c r="B48" s="661" t="s">
        <v>360</v>
      </c>
      <c r="C48" s="661"/>
      <c r="D48" s="661"/>
      <c r="E48" s="661"/>
      <c r="F48" s="661"/>
      <c r="G48" s="661"/>
      <c r="H48" s="661"/>
      <c r="I48" s="661"/>
      <c r="J48" s="661"/>
      <c r="K48" s="661"/>
      <c r="L48" s="661"/>
      <c r="M48" s="661"/>
      <c r="N48" s="661"/>
      <c r="O48" s="661"/>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1"/>
      <c r="AM48" s="661"/>
      <c r="AN48" s="661"/>
      <c r="AO48" s="661"/>
      <c r="AP48" s="661"/>
      <c r="AQ48" s="661"/>
      <c r="AR48" s="661"/>
      <c r="AS48" s="661"/>
      <c r="AT48" s="661"/>
      <c r="AU48" s="661"/>
      <c r="AV48" s="661"/>
      <c r="AW48" s="661"/>
      <c r="AX48" s="661"/>
      <c r="AY48" s="661"/>
      <c r="AZ48" s="661"/>
      <c r="BA48" s="661"/>
      <c r="BB48" s="661"/>
      <c r="BC48" s="661"/>
      <c r="BD48" s="661"/>
      <c r="BE48" s="661"/>
      <c r="BF48" s="661"/>
      <c r="BG48" s="661"/>
      <c r="BH48" s="661"/>
      <c r="BI48" s="661"/>
      <c r="BJ48" s="661"/>
      <c r="BK48" s="661"/>
      <c r="BL48" s="661"/>
      <c r="BM48" s="661"/>
      <c r="BN48" s="661"/>
      <c r="BO48" s="661"/>
      <c r="BP48" s="661"/>
      <c r="BQ48" s="661"/>
      <c r="BR48" s="661"/>
      <c r="BS48" s="661"/>
      <c r="BT48" s="661"/>
      <c r="BU48" s="661"/>
      <c r="BV48" s="661"/>
      <c r="BW48" s="661"/>
      <c r="BX48" s="661"/>
      <c r="BY48" s="661"/>
      <c r="BZ48" s="661"/>
      <c r="CA48" s="661"/>
      <c r="CB48" s="661"/>
      <c r="CD48" s="690"/>
      <c r="CE48" s="691"/>
      <c r="CF48" s="662" t="s">
        <v>361</v>
      </c>
      <c r="CG48" s="663"/>
      <c r="CH48" s="663"/>
      <c r="CI48" s="663"/>
      <c r="CJ48" s="663"/>
      <c r="CK48" s="663"/>
      <c r="CL48" s="663"/>
      <c r="CM48" s="663"/>
      <c r="CN48" s="663"/>
      <c r="CO48" s="663"/>
      <c r="CP48" s="663"/>
      <c r="CQ48" s="664"/>
      <c r="CR48" s="665" t="s">
        <v>126</v>
      </c>
      <c r="CS48" s="666"/>
      <c r="CT48" s="666"/>
      <c r="CU48" s="666"/>
      <c r="CV48" s="666"/>
      <c r="CW48" s="666"/>
      <c r="CX48" s="666"/>
      <c r="CY48" s="667"/>
      <c r="CZ48" s="668" t="s">
        <v>126</v>
      </c>
      <c r="DA48" s="669"/>
      <c r="DB48" s="669"/>
      <c r="DC48" s="670"/>
      <c r="DD48" s="671" t="s">
        <v>126</v>
      </c>
      <c r="DE48" s="666"/>
      <c r="DF48" s="666"/>
      <c r="DG48" s="666"/>
      <c r="DH48" s="666"/>
      <c r="DI48" s="666"/>
      <c r="DJ48" s="666"/>
      <c r="DK48" s="667"/>
      <c r="DL48" s="672"/>
      <c r="DM48" s="673"/>
      <c r="DN48" s="673"/>
      <c r="DO48" s="673"/>
      <c r="DP48" s="673"/>
      <c r="DQ48" s="673"/>
      <c r="DR48" s="673"/>
      <c r="DS48" s="673"/>
      <c r="DT48" s="673"/>
      <c r="DU48" s="673"/>
      <c r="DV48" s="674"/>
      <c r="DW48" s="658"/>
      <c r="DX48" s="659"/>
      <c r="DY48" s="659"/>
      <c r="DZ48" s="659"/>
      <c r="EA48" s="659"/>
      <c r="EB48" s="659"/>
      <c r="EC48" s="660"/>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42" t="s">
        <v>362</v>
      </c>
      <c r="CE49" s="643"/>
      <c r="CF49" s="643"/>
      <c r="CG49" s="643"/>
      <c r="CH49" s="643"/>
      <c r="CI49" s="643"/>
      <c r="CJ49" s="643"/>
      <c r="CK49" s="643"/>
      <c r="CL49" s="643"/>
      <c r="CM49" s="643"/>
      <c r="CN49" s="643"/>
      <c r="CO49" s="643"/>
      <c r="CP49" s="643"/>
      <c r="CQ49" s="644"/>
      <c r="CR49" s="645">
        <v>4073683</v>
      </c>
      <c r="CS49" s="646"/>
      <c r="CT49" s="646"/>
      <c r="CU49" s="646"/>
      <c r="CV49" s="646"/>
      <c r="CW49" s="646"/>
      <c r="CX49" s="646"/>
      <c r="CY49" s="647"/>
      <c r="CZ49" s="648">
        <v>100</v>
      </c>
      <c r="DA49" s="649"/>
      <c r="DB49" s="649"/>
      <c r="DC49" s="650"/>
      <c r="DD49" s="651">
        <v>2886685</v>
      </c>
      <c r="DE49" s="646"/>
      <c r="DF49" s="646"/>
      <c r="DG49" s="646"/>
      <c r="DH49" s="646"/>
      <c r="DI49" s="646"/>
      <c r="DJ49" s="646"/>
      <c r="DK49" s="647"/>
      <c r="DL49" s="652"/>
      <c r="DM49" s="653"/>
      <c r="DN49" s="653"/>
      <c r="DO49" s="653"/>
      <c r="DP49" s="653"/>
      <c r="DQ49" s="653"/>
      <c r="DR49" s="653"/>
      <c r="DS49" s="653"/>
      <c r="DT49" s="653"/>
      <c r="DU49" s="653"/>
      <c r="DV49" s="654"/>
      <c r="DW49" s="655"/>
      <c r="DX49" s="656"/>
      <c r="DY49" s="656"/>
      <c r="DZ49" s="656"/>
      <c r="EA49" s="656"/>
      <c r="EB49" s="656"/>
      <c r="EC49" s="657"/>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axjAGPBpgV9zCGUYfwGf13/tF2+mvT3vVcm60SFBiYdoxg87chsRyPs/7uz42RlK3PIjYCliZ0dXY6D9OGM8lg==" saltValue="XSUbzkCSQ1cZKyv9uZvYkA=="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55" t="s">
        <v>363</v>
      </c>
      <c r="B2" s="1155"/>
      <c r="C2" s="1155"/>
      <c r="D2" s="1155"/>
      <c r="E2" s="1155"/>
      <c r="F2" s="1155"/>
      <c r="G2" s="1155"/>
      <c r="H2" s="1155"/>
      <c r="I2" s="1155"/>
      <c r="J2" s="1155"/>
      <c r="K2" s="1155"/>
      <c r="L2" s="1155"/>
      <c r="M2" s="1155"/>
      <c r="N2" s="1155"/>
      <c r="O2" s="1155"/>
      <c r="P2" s="1155"/>
      <c r="Q2" s="1155"/>
      <c r="R2" s="1155"/>
      <c r="S2" s="1155"/>
      <c r="T2" s="1155"/>
      <c r="U2" s="1155"/>
      <c r="V2" s="1155"/>
      <c r="W2" s="1155"/>
      <c r="X2" s="1155"/>
      <c r="Y2" s="1155"/>
      <c r="Z2" s="1155"/>
      <c r="AA2" s="1155"/>
      <c r="AB2" s="1155"/>
      <c r="AC2" s="1155"/>
      <c r="AD2" s="1155"/>
      <c r="AE2" s="1155"/>
      <c r="AF2" s="1155"/>
      <c r="AG2" s="1155"/>
      <c r="AH2" s="1155"/>
      <c r="AI2" s="1155"/>
      <c r="AJ2" s="1155"/>
      <c r="AK2" s="1155"/>
      <c r="AL2" s="1155"/>
      <c r="AM2" s="1155"/>
      <c r="AN2" s="1155"/>
      <c r="AO2" s="1155"/>
      <c r="AP2" s="1155"/>
      <c r="AQ2" s="1155"/>
      <c r="AR2" s="1155"/>
      <c r="AS2" s="1155"/>
      <c r="AT2" s="1155"/>
      <c r="AU2" s="1155"/>
      <c r="AV2" s="1155"/>
      <c r="AW2" s="1155"/>
      <c r="AX2" s="1155"/>
      <c r="AY2" s="1155"/>
      <c r="AZ2" s="1155"/>
      <c r="BA2" s="1155"/>
      <c r="BB2" s="1155"/>
      <c r="BC2" s="1155"/>
      <c r="BD2" s="1155"/>
      <c r="BE2" s="1155"/>
      <c r="BF2" s="1155"/>
      <c r="BG2" s="1155"/>
      <c r="BH2" s="1155"/>
      <c r="BI2" s="1155"/>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56" t="s">
        <v>364</v>
      </c>
      <c r="DK2" s="1157"/>
      <c r="DL2" s="1157"/>
      <c r="DM2" s="1157"/>
      <c r="DN2" s="1157"/>
      <c r="DO2" s="1158"/>
      <c r="DP2" s="224"/>
      <c r="DQ2" s="1156" t="s">
        <v>365</v>
      </c>
      <c r="DR2" s="1157"/>
      <c r="DS2" s="1157"/>
      <c r="DT2" s="1157"/>
      <c r="DU2" s="1157"/>
      <c r="DV2" s="1157"/>
      <c r="DW2" s="1157"/>
      <c r="DX2" s="1157"/>
      <c r="DY2" s="1157"/>
      <c r="DZ2" s="1158"/>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124" t="s">
        <v>366</v>
      </c>
      <c r="B4" s="1124"/>
      <c r="C4" s="1124"/>
      <c r="D4" s="1124"/>
      <c r="E4" s="1124"/>
      <c r="F4" s="1124"/>
      <c r="G4" s="1124"/>
      <c r="H4" s="1124"/>
      <c r="I4" s="1124"/>
      <c r="J4" s="1124"/>
      <c r="K4" s="1124"/>
      <c r="L4" s="1124"/>
      <c r="M4" s="1124"/>
      <c r="N4" s="1124"/>
      <c r="O4" s="1124"/>
      <c r="P4" s="1124"/>
      <c r="Q4" s="1124"/>
      <c r="R4" s="1124"/>
      <c r="S4" s="1124"/>
      <c r="T4" s="1124"/>
      <c r="U4" s="1124"/>
      <c r="V4" s="1124"/>
      <c r="W4" s="1124"/>
      <c r="X4" s="1124"/>
      <c r="Y4" s="1124"/>
      <c r="Z4" s="1124"/>
      <c r="AA4" s="1124"/>
      <c r="AB4" s="1124"/>
      <c r="AC4" s="1124"/>
      <c r="AD4" s="1124"/>
      <c r="AE4" s="1124"/>
      <c r="AF4" s="1124"/>
      <c r="AG4" s="1124"/>
      <c r="AH4" s="1124"/>
      <c r="AI4" s="1124"/>
      <c r="AJ4" s="1124"/>
      <c r="AK4" s="1124"/>
      <c r="AL4" s="1124"/>
      <c r="AM4" s="1124"/>
      <c r="AN4" s="1124"/>
      <c r="AO4" s="1124"/>
      <c r="AP4" s="1124"/>
      <c r="AQ4" s="1124"/>
      <c r="AR4" s="1124"/>
      <c r="AS4" s="1124"/>
      <c r="AT4" s="1124"/>
      <c r="AU4" s="1124"/>
      <c r="AV4" s="1124"/>
      <c r="AW4" s="1124"/>
      <c r="AX4" s="1124"/>
      <c r="AY4" s="1124"/>
      <c r="AZ4" s="228"/>
      <c r="BA4" s="228"/>
      <c r="BB4" s="228"/>
      <c r="BC4" s="228"/>
      <c r="BD4" s="228"/>
      <c r="BE4" s="229"/>
      <c r="BF4" s="229"/>
      <c r="BG4" s="229"/>
      <c r="BH4" s="229"/>
      <c r="BI4" s="229"/>
      <c r="BJ4" s="229"/>
      <c r="BK4" s="229"/>
      <c r="BL4" s="229"/>
      <c r="BM4" s="229"/>
      <c r="BN4" s="229"/>
      <c r="BO4" s="229"/>
      <c r="BP4" s="229"/>
      <c r="BQ4" s="795" t="s">
        <v>367</v>
      </c>
      <c r="BR4" s="795"/>
      <c r="BS4" s="795"/>
      <c r="BT4" s="795"/>
      <c r="BU4" s="795"/>
      <c r="BV4" s="795"/>
      <c r="BW4" s="795"/>
      <c r="BX4" s="795"/>
      <c r="BY4" s="795"/>
      <c r="BZ4" s="795"/>
      <c r="CA4" s="795"/>
      <c r="CB4" s="795"/>
      <c r="CC4" s="795"/>
      <c r="CD4" s="795"/>
      <c r="CE4" s="795"/>
      <c r="CF4" s="795"/>
      <c r="CG4" s="795"/>
      <c r="CH4" s="795"/>
      <c r="CI4" s="795"/>
      <c r="CJ4" s="795"/>
      <c r="CK4" s="795"/>
      <c r="CL4" s="795"/>
      <c r="CM4" s="795"/>
      <c r="CN4" s="795"/>
      <c r="CO4" s="795"/>
      <c r="CP4" s="795"/>
      <c r="CQ4" s="795"/>
      <c r="CR4" s="795"/>
      <c r="CS4" s="795"/>
      <c r="CT4" s="795"/>
      <c r="CU4" s="795"/>
      <c r="CV4" s="795"/>
      <c r="CW4" s="795"/>
      <c r="CX4" s="795"/>
      <c r="CY4" s="795"/>
      <c r="CZ4" s="795"/>
      <c r="DA4" s="795"/>
      <c r="DB4" s="795"/>
      <c r="DC4" s="795"/>
      <c r="DD4" s="795"/>
      <c r="DE4" s="795"/>
      <c r="DF4" s="795"/>
      <c r="DG4" s="795"/>
      <c r="DH4" s="795"/>
      <c r="DI4" s="795"/>
      <c r="DJ4" s="795"/>
      <c r="DK4" s="795"/>
      <c r="DL4" s="795"/>
      <c r="DM4" s="795"/>
      <c r="DN4" s="795"/>
      <c r="DO4" s="795"/>
      <c r="DP4" s="795"/>
      <c r="DQ4" s="795"/>
      <c r="DR4" s="795"/>
      <c r="DS4" s="795"/>
      <c r="DT4" s="795"/>
      <c r="DU4" s="795"/>
      <c r="DV4" s="795"/>
      <c r="DW4" s="795"/>
      <c r="DX4" s="795"/>
      <c r="DY4" s="795"/>
      <c r="DZ4" s="795"/>
      <c r="EA4" s="230"/>
    </row>
    <row r="5" spans="1:131" s="231" customFormat="1" ht="26.25" customHeight="1" x14ac:dyDescent="0.2">
      <c r="A5" s="1060" t="s">
        <v>368</v>
      </c>
      <c r="B5" s="1061"/>
      <c r="C5" s="1061"/>
      <c r="D5" s="1061"/>
      <c r="E5" s="1061"/>
      <c r="F5" s="1061"/>
      <c r="G5" s="1061"/>
      <c r="H5" s="1061"/>
      <c r="I5" s="1061"/>
      <c r="J5" s="1061"/>
      <c r="K5" s="1061"/>
      <c r="L5" s="1061"/>
      <c r="M5" s="1061"/>
      <c r="N5" s="1061"/>
      <c r="O5" s="1061"/>
      <c r="P5" s="1062"/>
      <c r="Q5" s="1066" t="s">
        <v>369</v>
      </c>
      <c r="R5" s="1067"/>
      <c r="S5" s="1067"/>
      <c r="T5" s="1067"/>
      <c r="U5" s="1068"/>
      <c r="V5" s="1066" t="s">
        <v>370</v>
      </c>
      <c r="W5" s="1067"/>
      <c r="X5" s="1067"/>
      <c r="Y5" s="1067"/>
      <c r="Z5" s="1068"/>
      <c r="AA5" s="1066" t="s">
        <v>371</v>
      </c>
      <c r="AB5" s="1067"/>
      <c r="AC5" s="1067"/>
      <c r="AD5" s="1067"/>
      <c r="AE5" s="1067"/>
      <c r="AF5" s="1159" t="s">
        <v>372</v>
      </c>
      <c r="AG5" s="1067"/>
      <c r="AH5" s="1067"/>
      <c r="AI5" s="1067"/>
      <c r="AJ5" s="1080"/>
      <c r="AK5" s="1067" t="s">
        <v>373</v>
      </c>
      <c r="AL5" s="1067"/>
      <c r="AM5" s="1067"/>
      <c r="AN5" s="1067"/>
      <c r="AO5" s="1068"/>
      <c r="AP5" s="1066" t="s">
        <v>374</v>
      </c>
      <c r="AQ5" s="1067"/>
      <c r="AR5" s="1067"/>
      <c r="AS5" s="1067"/>
      <c r="AT5" s="1068"/>
      <c r="AU5" s="1066" t="s">
        <v>375</v>
      </c>
      <c r="AV5" s="1067"/>
      <c r="AW5" s="1067"/>
      <c r="AX5" s="1067"/>
      <c r="AY5" s="1080"/>
      <c r="AZ5" s="228"/>
      <c r="BA5" s="228"/>
      <c r="BB5" s="228"/>
      <c r="BC5" s="228"/>
      <c r="BD5" s="228"/>
      <c r="BE5" s="229"/>
      <c r="BF5" s="229"/>
      <c r="BG5" s="229"/>
      <c r="BH5" s="229"/>
      <c r="BI5" s="229"/>
      <c r="BJ5" s="229"/>
      <c r="BK5" s="229"/>
      <c r="BL5" s="229"/>
      <c r="BM5" s="229"/>
      <c r="BN5" s="229"/>
      <c r="BO5" s="229"/>
      <c r="BP5" s="229"/>
      <c r="BQ5" s="1060" t="s">
        <v>376</v>
      </c>
      <c r="BR5" s="1061"/>
      <c r="BS5" s="1061"/>
      <c r="BT5" s="1061"/>
      <c r="BU5" s="1061"/>
      <c r="BV5" s="1061"/>
      <c r="BW5" s="1061"/>
      <c r="BX5" s="1061"/>
      <c r="BY5" s="1061"/>
      <c r="BZ5" s="1061"/>
      <c r="CA5" s="1061"/>
      <c r="CB5" s="1061"/>
      <c r="CC5" s="1061"/>
      <c r="CD5" s="1061"/>
      <c r="CE5" s="1061"/>
      <c r="CF5" s="1061"/>
      <c r="CG5" s="1062"/>
      <c r="CH5" s="1066" t="s">
        <v>377</v>
      </c>
      <c r="CI5" s="1067"/>
      <c r="CJ5" s="1067"/>
      <c r="CK5" s="1067"/>
      <c r="CL5" s="1068"/>
      <c r="CM5" s="1066" t="s">
        <v>378</v>
      </c>
      <c r="CN5" s="1067"/>
      <c r="CO5" s="1067"/>
      <c r="CP5" s="1067"/>
      <c r="CQ5" s="1068"/>
      <c r="CR5" s="1066" t="s">
        <v>379</v>
      </c>
      <c r="CS5" s="1067"/>
      <c r="CT5" s="1067"/>
      <c r="CU5" s="1067"/>
      <c r="CV5" s="1068"/>
      <c r="CW5" s="1066" t="s">
        <v>380</v>
      </c>
      <c r="CX5" s="1067"/>
      <c r="CY5" s="1067"/>
      <c r="CZ5" s="1067"/>
      <c r="DA5" s="1068"/>
      <c r="DB5" s="1066" t="s">
        <v>381</v>
      </c>
      <c r="DC5" s="1067"/>
      <c r="DD5" s="1067"/>
      <c r="DE5" s="1067"/>
      <c r="DF5" s="1068"/>
      <c r="DG5" s="1149" t="s">
        <v>382</v>
      </c>
      <c r="DH5" s="1150"/>
      <c r="DI5" s="1150"/>
      <c r="DJ5" s="1150"/>
      <c r="DK5" s="1151"/>
      <c r="DL5" s="1149" t="s">
        <v>383</v>
      </c>
      <c r="DM5" s="1150"/>
      <c r="DN5" s="1150"/>
      <c r="DO5" s="1150"/>
      <c r="DP5" s="1151"/>
      <c r="DQ5" s="1066" t="s">
        <v>384</v>
      </c>
      <c r="DR5" s="1067"/>
      <c r="DS5" s="1067"/>
      <c r="DT5" s="1067"/>
      <c r="DU5" s="1068"/>
      <c r="DV5" s="1066" t="s">
        <v>375</v>
      </c>
      <c r="DW5" s="1067"/>
      <c r="DX5" s="1067"/>
      <c r="DY5" s="1067"/>
      <c r="DZ5" s="1080"/>
      <c r="EA5" s="230"/>
    </row>
    <row r="6" spans="1:131" s="231" customFormat="1" ht="26.25" customHeight="1" thickBot="1" x14ac:dyDescent="0.25">
      <c r="A6" s="1063"/>
      <c r="B6" s="1064"/>
      <c r="C6" s="1064"/>
      <c r="D6" s="1064"/>
      <c r="E6" s="1064"/>
      <c r="F6" s="1064"/>
      <c r="G6" s="1064"/>
      <c r="H6" s="1064"/>
      <c r="I6" s="1064"/>
      <c r="J6" s="1064"/>
      <c r="K6" s="1064"/>
      <c r="L6" s="1064"/>
      <c r="M6" s="1064"/>
      <c r="N6" s="1064"/>
      <c r="O6" s="1064"/>
      <c r="P6" s="1065"/>
      <c r="Q6" s="1069"/>
      <c r="R6" s="1070"/>
      <c r="S6" s="1070"/>
      <c r="T6" s="1070"/>
      <c r="U6" s="1071"/>
      <c r="V6" s="1069"/>
      <c r="W6" s="1070"/>
      <c r="X6" s="1070"/>
      <c r="Y6" s="1070"/>
      <c r="Z6" s="1071"/>
      <c r="AA6" s="1069"/>
      <c r="AB6" s="1070"/>
      <c r="AC6" s="1070"/>
      <c r="AD6" s="1070"/>
      <c r="AE6" s="1070"/>
      <c r="AF6" s="1160"/>
      <c r="AG6" s="1070"/>
      <c r="AH6" s="1070"/>
      <c r="AI6" s="1070"/>
      <c r="AJ6" s="1081"/>
      <c r="AK6" s="1070"/>
      <c r="AL6" s="1070"/>
      <c r="AM6" s="1070"/>
      <c r="AN6" s="1070"/>
      <c r="AO6" s="1071"/>
      <c r="AP6" s="1069"/>
      <c r="AQ6" s="1070"/>
      <c r="AR6" s="1070"/>
      <c r="AS6" s="1070"/>
      <c r="AT6" s="1071"/>
      <c r="AU6" s="1069"/>
      <c r="AV6" s="1070"/>
      <c r="AW6" s="1070"/>
      <c r="AX6" s="1070"/>
      <c r="AY6" s="1081"/>
      <c r="AZ6" s="228"/>
      <c r="BA6" s="228"/>
      <c r="BB6" s="228"/>
      <c r="BC6" s="228"/>
      <c r="BD6" s="228"/>
      <c r="BE6" s="229"/>
      <c r="BF6" s="229"/>
      <c r="BG6" s="229"/>
      <c r="BH6" s="229"/>
      <c r="BI6" s="229"/>
      <c r="BJ6" s="229"/>
      <c r="BK6" s="229"/>
      <c r="BL6" s="229"/>
      <c r="BM6" s="229"/>
      <c r="BN6" s="229"/>
      <c r="BO6" s="229"/>
      <c r="BP6" s="229"/>
      <c r="BQ6" s="1063"/>
      <c r="BR6" s="1064"/>
      <c r="BS6" s="1064"/>
      <c r="BT6" s="1064"/>
      <c r="BU6" s="1064"/>
      <c r="BV6" s="1064"/>
      <c r="BW6" s="1064"/>
      <c r="BX6" s="1064"/>
      <c r="BY6" s="1064"/>
      <c r="BZ6" s="1064"/>
      <c r="CA6" s="1064"/>
      <c r="CB6" s="1064"/>
      <c r="CC6" s="1064"/>
      <c r="CD6" s="1064"/>
      <c r="CE6" s="1064"/>
      <c r="CF6" s="1064"/>
      <c r="CG6" s="1065"/>
      <c r="CH6" s="1069"/>
      <c r="CI6" s="1070"/>
      <c r="CJ6" s="1070"/>
      <c r="CK6" s="1070"/>
      <c r="CL6" s="1071"/>
      <c r="CM6" s="1069"/>
      <c r="CN6" s="1070"/>
      <c r="CO6" s="1070"/>
      <c r="CP6" s="1070"/>
      <c r="CQ6" s="1071"/>
      <c r="CR6" s="1069"/>
      <c r="CS6" s="1070"/>
      <c r="CT6" s="1070"/>
      <c r="CU6" s="1070"/>
      <c r="CV6" s="1071"/>
      <c r="CW6" s="1069"/>
      <c r="CX6" s="1070"/>
      <c r="CY6" s="1070"/>
      <c r="CZ6" s="1070"/>
      <c r="DA6" s="1071"/>
      <c r="DB6" s="1069"/>
      <c r="DC6" s="1070"/>
      <c r="DD6" s="1070"/>
      <c r="DE6" s="1070"/>
      <c r="DF6" s="1071"/>
      <c r="DG6" s="1152"/>
      <c r="DH6" s="1153"/>
      <c r="DI6" s="1153"/>
      <c r="DJ6" s="1153"/>
      <c r="DK6" s="1154"/>
      <c r="DL6" s="1152"/>
      <c r="DM6" s="1153"/>
      <c r="DN6" s="1153"/>
      <c r="DO6" s="1153"/>
      <c r="DP6" s="1154"/>
      <c r="DQ6" s="1069"/>
      <c r="DR6" s="1070"/>
      <c r="DS6" s="1070"/>
      <c r="DT6" s="1070"/>
      <c r="DU6" s="1071"/>
      <c r="DV6" s="1069"/>
      <c r="DW6" s="1070"/>
      <c r="DX6" s="1070"/>
      <c r="DY6" s="1070"/>
      <c r="DZ6" s="1081"/>
      <c r="EA6" s="230"/>
    </row>
    <row r="7" spans="1:131" s="231" customFormat="1" ht="26.25" customHeight="1" thickTop="1" x14ac:dyDescent="0.2">
      <c r="A7" s="232">
        <v>1</v>
      </c>
      <c r="B7" s="1112" t="s">
        <v>385</v>
      </c>
      <c r="C7" s="1113"/>
      <c r="D7" s="1113"/>
      <c r="E7" s="1113"/>
      <c r="F7" s="1113"/>
      <c r="G7" s="1113"/>
      <c r="H7" s="1113"/>
      <c r="I7" s="1113"/>
      <c r="J7" s="1113"/>
      <c r="K7" s="1113"/>
      <c r="L7" s="1113"/>
      <c r="M7" s="1113"/>
      <c r="N7" s="1113"/>
      <c r="O7" s="1113"/>
      <c r="P7" s="1114"/>
      <c r="Q7" s="1167">
        <v>4418</v>
      </c>
      <c r="R7" s="1168"/>
      <c r="S7" s="1168"/>
      <c r="T7" s="1168"/>
      <c r="U7" s="1168"/>
      <c r="V7" s="1168">
        <v>4080</v>
      </c>
      <c r="W7" s="1168"/>
      <c r="X7" s="1168"/>
      <c r="Y7" s="1168"/>
      <c r="Z7" s="1168"/>
      <c r="AA7" s="1168">
        <v>337</v>
      </c>
      <c r="AB7" s="1168"/>
      <c r="AC7" s="1168"/>
      <c r="AD7" s="1168"/>
      <c r="AE7" s="1169"/>
      <c r="AF7" s="1170">
        <v>334</v>
      </c>
      <c r="AG7" s="1171"/>
      <c r="AH7" s="1171"/>
      <c r="AI7" s="1171"/>
      <c r="AJ7" s="1172"/>
      <c r="AK7" s="1173">
        <v>173</v>
      </c>
      <c r="AL7" s="1174"/>
      <c r="AM7" s="1174"/>
      <c r="AN7" s="1174"/>
      <c r="AO7" s="1174"/>
      <c r="AP7" s="1174">
        <v>3464</v>
      </c>
      <c r="AQ7" s="1174"/>
      <c r="AR7" s="1174"/>
      <c r="AS7" s="1174"/>
      <c r="AT7" s="1174"/>
      <c r="AU7" s="1175"/>
      <c r="AV7" s="1175"/>
      <c r="AW7" s="1175"/>
      <c r="AX7" s="1175"/>
      <c r="AY7" s="1176"/>
      <c r="AZ7" s="228"/>
      <c r="BA7" s="228"/>
      <c r="BB7" s="228"/>
      <c r="BC7" s="228"/>
      <c r="BD7" s="228"/>
      <c r="BE7" s="229"/>
      <c r="BF7" s="229"/>
      <c r="BG7" s="229"/>
      <c r="BH7" s="229"/>
      <c r="BI7" s="229"/>
      <c r="BJ7" s="229"/>
      <c r="BK7" s="229"/>
      <c r="BL7" s="229"/>
      <c r="BM7" s="229"/>
      <c r="BN7" s="229"/>
      <c r="BO7" s="229"/>
      <c r="BP7" s="229"/>
      <c r="BQ7" s="232">
        <v>1</v>
      </c>
      <c r="BR7" s="233"/>
      <c r="BS7" s="1164" t="s">
        <v>591</v>
      </c>
      <c r="BT7" s="1165"/>
      <c r="BU7" s="1165"/>
      <c r="BV7" s="1165"/>
      <c r="BW7" s="1165"/>
      <c r="BX7" s="1165"/>
      <c r="BY7" s="1165"/>
      <c r="BZ7" s="1165"/>
      <c r="CA7" s="1165"/>
      <c r="CB7" s="1165"/>
      <c r="CC7" s="1165"/>
      <c r="CD7" s="1165"/>
      <c r="CE7" s="1165"/>
      <c r="CF7" s="1165"/>
      <c r="CG7" s="1177"/>
      <c r="CH7" s="1161">
        <v>6</v>
      </c>
      <c r="CI7" s="1162"/>
      <c r="CJ7" s="1162"/>
      <c r="CK7" s="1162"/>
      <c r="CL7" s="1163"/>
      <c r="CM7" s="1161">
        <v>1865</v>
      </c>
      <c r="CN7" s="1162"/>
      <c r="CO7" s="1162"/>
      <c r="CP7" s="1162"/>
      <c r="CQ7" s="1163"/>
      <c r="CR7" s="1161">
        <v>9</v>
      </c>
      <c r="CS7" s="1162"/>
      <c r="CT7" s="1162"/>
      <c r="CU7" s="1162"/>
      <c r="CV7" s="1163"/>
      <c r="CW7" s="1161">
        <v>2</v>
      </c>
      <c r="CX7" s="1162"/>
      <c r="CY7" s="1162"/>
      <c r="CZ7" s="1162"/>
      <c r="DA7" s="1163"/>
      <c r="DB7" s="1161" t="s">
        <v>595</v>
      </c>
      <c r="DC7" s="1162"/>
      <c r="DD7" s="1162"/>
      <c r="DE7" s="1162"/>
      <c r="DF7" s="1163"/>
      <c r="DG7" s="1161" t="s">
        <v>595</v>
      </c>
      <c r="DH7" s="1162"/>
      <c r="DI7" s="1162"/>
      <c r="DJ7" s="1162"/>
      <c r="DK7" s="1163"/>
      <c r="DL7" s="1161" t="s">
        <v>595</v>
      </c>
      <c r="DM7" s="1162"/>
      <c r="DN7" s="1162"/>
      <c r="DO7" s="1162"/>
      <c r="DP7" s="1163"/>
      <c r="DQ7" s="1161" t="s">
        <v>595</v>
      </c>
      <c r="DR7" s="1162"/>
      <c r="DS7" s="1162"/>
      <c r="DT7" s="1162"/>
      <c r="DU7" s="1163"/>
      <c r="DV7" s="1164"/>
      <c r="DW7" s="1165"/>
      <c r="DX7" s="1165"/>
      <c r="DY7" s="1165"/>
      <c r="DZ7" s="1166"/>
      <c r="EA7" s="230"/>
    </row>
    <row r="8" spans="1:131" s="231" customFormat="1" ht="26.25" customHeight="1" x14ac:dyDescent="0.2">
      <c r="A8" s="234">
        <v>2</v>
      </c>
      <c r="B8" s="1095" t="s">
        <v>386</v>
      </c>
      <c r="C8" s="1096"/>
      <c r="D8" s="1096"/>
      <c r="E8" s="1096"/>
      <c r="F8" s="1096"/>
      <c r="G8" s="1096"/>
      <c r="H8" s="1096"/>
      <c r="I8" s="1096"/>
      <c r="J8" s="1096"/>
      <c r="K8" s="1096"/>
      <c r="L8" s="1096"/>
      <c r="M8" s="1096"/>
      <c r="N8" s="1096"/>
      <c r="O8" s="1096"/>
      <c r="P8" s="1097"/>
      <c r="Q8" s="1103">
        <v>26</v>
      </c>
      <c r="R8" s="1104"/>
      <c r="S8" s="1104"/>
      <c r="T8" s="1104"/>
      <c r="U8" s="1104"/>
      <c r="V8" s="1104">
        <v>20</v>
      </c>
      <c r="W8" s="1104"/>
      <c r="X8" s="1104"/>
      <c r="Y8" s="1104"/>
      <c r="Z8" s="1104"/>
      <c r="AA8" s="1104">
        <v>6</v>
      </c>
      <c r="AB8" s="1104"/>
      <c r="AC8" s="1104"/>
      <c r="AD8" s="1104"/>
      <c r="AE8" s="1105"/>
      <c r="AF8" s="1100">
        <v>6</v>
      </c>
      <c r="AG8" s="1101"/>
      <c r="AH8" s="1101"/>
      <c r="AI8" s="1101"/>
      <c r="AJ8" s="1102"/>
      <c r="AK8" s="1145" t="s">
        <v>585</v>
      </c>
      <c r="AL8" s="1146"/>
      <c r="AM8" s="1146"/>
      <c r="AN8" s="1146"/>
      <c r="AO8" s="1146"/>
      <c r="AP8" s="1146" t="s">
        <v>585</v>
      </c>
      <c r="AQ8" s="1146"/>
      <c r="AR8" s="1146"/>
      <c r="AS8" s="1146"/>
      <c r="AT8" s="1146"/>
      <c r="AU8" s="1147"/>
      <c r="AV8" s="1147"/>
      <c r="AW8" s="1147"/>
      <c r="AX8" s="1147"/>
      <c r="AY8" s="1148"/>
      <c r="AZ8" s="228"/>
      <c r="BA8" s="228"/>
      <c r="BB8" s="228"/>
      <c r="BC8" s="228"/>
      <c r="BD8" s="228"/>
      <c r="BE8" s="229"/>
      <c r="BF8" s="229"/>
      <c r="BG8" s="229"/>
      <c r="BH8" s="229"/>
      <c r="BI8" s="229"/>
      <c r="BJ8" s="229"/>
      <c r="BK8" s="229"/>
      <c r="BL8" s="229"/>
      <c r="BM8" s="229"/>
      <c r="BN8" s="229"/>
      <c r="BO8" s="229"/>
      <c r="BP8" s="229"/>
      <c r="BQ8" s="234">
        <v>2</v>
      </c>
      <c r="BR8" s="235"/>
      <c r="BS8" s="1057" t="s">
        <v>592</v>
      </c>
      <c r="BT8" s="1058"/>
      <c r="BU8" s="1058"/>
      <c r="BV8" s="1058"/>
      <c r="BW8" s="1058"/>
      <c r="BX8" s="1058"/>
      <c r="BY8" s="1058"/>
      <c r="BZ8" s="1058"/>
      <c r="CA8" s="1058"/>
      <c r="CB8" s="1058"/>
      <c r="CC8" s="1058"/>
      <c r="CD8" s="1058"/>
      <c r="CE8" s="1058"/>
      <c r="CF8" s="1058"/>
      <c r="CG8" s="1079"/>
      <c r="CH8" s="1054">
        <v>-4</v>
      </c>
      <c r="CI8" s="1055"/>
      <c r="CJ8" s="1055"/>
      <c r="CK8" s="1055"/>
      <c r="CL8" s="1056"/>
      <c r="CM8" s="1054">
        <v>862</v>
      </c>
      <c r="CN8" s="1055"/>
      <c r="CO8" s="1055"/>
      <c r="CP8" s="1055"/>
      <c r="CQ8" s="1056"/>
      <c r="CR8" s="1054" t="s">
        <v>585</v>
      </c>
      <c r="CS8" s="1055"/>
      <c r="CT8" s="1055"/>
      <c r="CU8" s="1055"/>
      <c r="CV8" s="1056"/>
      <c r="CW8" s="1054" t="s">
        <v>595</v>
      </c>
      <c r="CX8" s="1055"/>
      <c r="CY8" s="1055"/>
      <c r="CZ8" s="1055"/>
      <c r="DA8" s="1056"/>
      <c r="DB8" s="1054" t="s">
        <v>595</v>
      </c>
      <c r="DC8" s="1055"/>
      <c r="DD8" s="1055"/>
      <c r="DE8" s="1055"/>
      <c r="DF8" s="1056"/>
      <c r="DG8" s="1054" t="s">
        <v>595</v>
      </c>
      <c r="DH8" s="1055"/>
      <c r="DI8" s="1055"/>
      <c r="DJ8" s="1055"/>
      <c r="DK8" s="1056"/>
      <c r="DL8" s="1054" t="s">
        <v>595</v>
      </c>
      <c r="DM8" s="1055"/>
      <c r="DN8" s="1055"/>
      <c r="DO8" s="1055"/>
      <c r="DP8" s="1056"/>
      <c r="DQ8" s="1054" t="s">
        <v>595</v>
      </c>
      <c r="DR8" s="1055"/>
      <c r="DS8" s="1055"/>
      <c r="DT8" s="1055"/>
      <c r="DU8" s="1056"/>
      <c r="DV8" s="1057"/>
      <c r="DW8" s="1058"/>
      <c r="DX8" s="1058"/>
      <c r="DY8" s="1058"/>
      <c r="DZ8" s="1059"/>
      <c r="EA8" s="230"/>
    </row>
    <row r="9" spans="1:131" s="231" customFormat="1" ht="26.25" customHeight="1" x14ac:dyDescent="0.2">
      <c r="A9" s="234">
        <v>3</v>
      </c>
      <c r="B9" s="1095"/>
      <c r="C9" s="1096"/>
      <c r="D9" s="1096"/>
      <c r="E9" s="1096"/>
      <c r="F9" s="1096"/>
      <c r="G9" s="1096"/>
      <c r="H9" s="1096"/>
      <c r="I9" s="1096"/>
      <c r="J9" s="1096"/>
      <c r="K9" s="1096"/>
      <c r="L9" s="1096"/>
      <c r="M9" s="1096"/>
      <c r="N9" s="1096"/>
      <c r="O9" s="1096"/>
      <c r="P9" s="1097"/>
      <c r="Q9" s="1103"/>
      <c r="R9" s="1104"/>
      <c r="S9" s="1104"/>
      <c r="T9" s="1104"/>
      <c r="U9" s="1104"/>
      <c r="V9" s="1104"/>
      <c r="W9" s="1104"/>
      <c r="X9" s="1104"/>
      <c r="Y9" s="1104"/>
      <c r="Z9" s="1104"/>
      <c r="AA9" s="1104"/>
      <c r="AB9" s="1104"/>
      <c r="AC9" s="1104"/>
      <c r="AD9" s="1104"/>
      <c r="AE9" s="1105"/>
      <c r="AF9" s="1100"/>
      <c r="AG9" s="1101"/>
      <c r="AH9" s="1101"/>
      <c r="AI9" s="1101"/>
      <c r="AJ9" s="1102"/>
      <c r="AK9" s="1145"/>
      <c r="AL9" s="1146"/>
      <c r="AM9" s="1146"/>
      <c r="AN9" s="1146"/>
      <c r="AO9" s="1146"/>
      <c r="AP9" s="1146"/>
      <c r="AQ9" s="1146"/>
      <c r="AR9" s="1146"/>
      <c r="AS9" s="1146"/>
      <c r="AT9" s="1146"/>
      <c r="AU9" s="1147"/>
      <c r="AV9" s="1147"/>
      <c r="AW9" s="1147"/>
      <c r="AX9" s="1147"/>
      <c r="AY9" s="1148"/>
      <c r="AZ9" s="228"/>
      <c r="BA9" s="228"/>
      <c r="BB9" s="228"/>
      <c r="BC9" s="228"/>
      <c r="BD9" s="228"/>
      <c r="BE9" s="229"/>
      <c r="BF9" s="229"/>
      <c r="BG9" s="229"/>
      <c r="BH9" s="229"/>
      <c r="BI9" s="229"/>
      <c r="BJ9" s="229"/>
      <c r="BK9" s="229"/>
      <c r="BL9" s="229"/>
      <c r="BM9" s="229"/>
      <c r="BN9" s="229"/>
      <c r="BO9" s="229"/>
      <c r="BP9" s="229"/>
      <c r="BQ9" s="234">
        <v>3</v>
      </c>
      <c r="BR9" s="235"/>
      <c r="BS9" s="1057"/>
      <c r="BT9" s="1058"/>
      <c r="BU9" s="1058"/>
      <c r="BV9" s="1058"/>
      <c r="BW9" s="1058"/>
      <c r="BX9" s="1058"/>
      <c r="BY9" s="1058"/>
      <c r="BZ9" s="1058"/>
      <c r="CA9" s="1058"/>
      <c r="CB9" s="1058"/>
      <c r="CC9" s="1058"/>
      <c r="CD9" s="1058"/>
      <c r="CE9" s="1058"/>
      <c r="CF9" s="1058"/>
      <c r="CG9" s="1079"/>
      <c r="CH9" s="1054"/>
      <c r="CI9" s="1055"/>
      <c r="CJ9" s="1055"/>
      <c r="CK9" s="1055"/>
      <c r="CL9" s="1056"/>
      <c r="CM9" s="1054"/>
      <c r="CN9" s="1055"/>
      <c r="CO9" s="1055"/>
      <c r="CP9" s="1055"/>
      <c r="CQ9" s="1056"/>
      <c r="CR9" s="1054"/>
      <c r="CS9" s="1055"/>
      <c r="CT9" s="1055"/>
      <c r="CU9" s="1055"/>
      <c r="CV9" s="1056"/>
      <c r="CW9" s="1054"/>
      <c r="CX9" s="1055"/>
      <c r="CY9" s="1055"/>
      <c r="CZ9" s="1055"/>
      <c r="DA9" s="1056"/>
      <c r="DB9" s="1054"/>
      <c r="DC9" s="1055"/>
      <c r="DD9" s="1055"/>
      <c r="DE9" s="1055"/>
      <c r="DF9" s="1056"/>
      <c r="DG9" s="1054"/>
      <c r="DH9" s="1055"/>
      <c r="DI9" s="1055"/>
      <c r="DJ9" s="1055"/>
      <c r="DK9" s="1056"/>
      <c r="DL9" s="1054"/>
      <c r="DM9" s="1055"/>
      <c r="DN9" s="1055"/>
      <c r="DO9" s="1055"/>
      <c r="DP9" s="1056"/>
      <c r="DQ9" s="1054"/>
      <c r="DR9" s="1055"/>
      <c r="DS9" s="1055"/>
      <c r="DT9" s="1055"/>
      <c r="DU9" s="1056"/>
      <c r="DV9" s="1057"/>
      <c r="DW9" s="1058"/>
      <c r="DX9" s="1058"/>
      <c r="DY9" s="1058"/>
      <c r="DZ9" s="1059"/>
      <c r="EA9" s="230"/>
    </row>
    <row r="10" spans="1:131" s="231" customFormat="1" ht="26.25" customHeight="1" x14ac:dyDescent="0.2">
      <c r="A10" s="234">
        <v>4</v>
      </c>
      <c r="B10" s="1095"/>
      <c r="C10" s="1096"/>
      <c r="D10" s="1096"/>
      <c r="E10" s="1096"/>
      <c r="F10" s="1096"/>
      <c r="G10" s="1096"/>
      <c r="H10" s="1096"/>
      <c r="I10" s="1096"/>
      <c r="J10" s="1096"/>
      <c r="K10" s="1096"/>
      <c r="L10" s="1096"/>
      <c r="M10" s="1096"/>
      <c r="N10" s="1096"/>
      <c r="O10" s="1096"/>
      <c r="P10" s="1097"/>
      <c r="Q10" s="1103"/>
      <c r="R10" s="1104"/>
      <c r="S10" s="1104"/>
      <c r="T10" s="1104"/>
      <c r="U10" s="1104"/>
      <c r="V10" s="1104"/>
      <c r="W10" s="1104"/>
      <c r="X10" s="1104"/>
      <c r="Y10" s="1104"/>
      <c r="Z10" s="1104"/>
      <c r="AA10" s="1104"/>
      <c r="AB10" s="1104"/>
      <c r="AC10" s="1104"/>
      <c r="AD10" s="1104"/>
      <c r="AE10" s="1105"/>
      <c r="AF10" s="1100"/>
      <c r="AG10" s="1101"/>
      <c r="AH10" s="1101"/>
      <c r="AI10" s="1101"/>
      <c r="AJ10" s="1102"/>
      <c r="AK10" s="1145"/>
      <c r="AL10" s="1146"/>
      <c r="AM10" s="1146"/>
      <c r="AN10" s="1146"/>
      <c r="AO10" s="1146"/>
      <c r="AP10" s="1146"/>
      <c r="AQ10" s="1146"/>
      <c r="AR10" s="1146"/>
      <c r="AS10" s="1146"/>
      <c r="AT10" s="1146"/>
      <c r="AU10" s="1147"/>
      <c r="AV10" s="1147"/>
      <c r="AW10" s="1147"/>
      <c r="AX10" s="1147"/>
      <c r="AY10" s="1148"/>
      <c r="AZ10" s="228"/>
      <c r="BA10" s="228"/>
      <c r="BB10" s="228"/>
      <c r="BC10" s="228"/>
      <c r="BD10" s="228"/>
      <c r="BE10" s="229"/>
      <c r="BF10" s="229"/>
      <c r="BG10" s="229"/>
      <c r="BH10" s="229"/>
      <c r="BI10" s="229"/>
      <c r="BJ10" s="229"/>
      <c r="BK10" s="229"/>
      <c r="BL10" s="229"/>
      <c r="BM10" s="229"/>
      <c r="BN10" s="229"/>
      <c r="BO10" s="229"/>
      <c r="BP10" s="229"/>
      <c r="BQ10" s="234">
        <v>4</v>
      </c>
      <c r="BR10" s="235"/>
      <c r="BS10" s="1057"/>
      <c r="BT10" s="1058"/>
      <c r="BU10" s="1058"/>
      <c r="BV10" s="1058"/>
      <c r="BW10" s="1058"/>
      <c r="BX10" s="1058"/>
      <c r="BY10" s="1058"/>
      <c r="BZ10" s="1058"/>
      <c r="CA10" s="1058"/>
      <c r="CB10" s="1058"/>
      <c r="CC10" s="1058"/>
      <c r="CD10" s="1058"/>
      <c r="CE10" s="1058"/>
      <c r="CF10" s="1058"/>
      <c r="CG10" s="1079"/>
      <c r="CH10" s="1054"/>
      <c r="CI10" s="1055"/>
      <c r="CJ10" s="1055"/>
      <c r="CK10" s="1055"/>
      <c r="CL10" s="1056"/>
      <c r="CM10" s="1054"/>
      <c r="CN10" s="1055"/>
      <c r="CO10" s="1055"/>
      <c r="CP10" s="1055"/>
      <c r="CQ10" s="1056"/>
      <c r="CR10" s="1054"/>
      <c r="CS10" s="1055"/>
      <c r="CT10" s="1055"/>
      <c r="CU10" s="1055"/>
      <c r="CV10" s="1056"/>
      <c r="CW10" s="1054"/>
      <c r="CX10" s="1055"/>
      <c r="CY10" s="1055"/>
      <c r="CZ10" s="1055"/>
      <c r="DA10" s="1056"/>
      <c r="DB10" s="1054"/>
      <c r="DC10" s="1055"/>
      <c r="DD10" s="1055"/>
      <c r="DE10" s="1055"/>
      <c r="DF10" s="1056"/>
      <c r="DG10" s="1054"/>
      <c r="DH10" s="1055"/>
      <c r="DI10" s="1055"/>
      <c r="DJ10" s="1055"/>
      <c r="DK10" s="1056"/>
      <c r="DL10" s="1054"/>
      <c r="DM10" s="1055"/>
      <c r="DN10" s="1055"/>
      <c r="DO10" s="1055"/>
      <c r="DP10" s="1056"/>
      <c r="DQ10" s="1054"/>
      <c r="DR10" s="1055"/>
      <c r="DS10" s="1055"/>
      <c r="DT10" s="1055"/>
      <c r="DU10" s="1056"/>
      <c r="DV10" s="1057"/>
      <c r="DW10" s="1058"/>
      <c r="DX10" s="1058"/>
      <c r="DY10" s="1058"/>
      <c r="DZ10" s="1059"/>
      <c r="EA10" s="230"/>
    </row>
    <row r="11" spans="1:131" s="231" customFormat="1" ht="26.25" customHeight="1" x14ac:dyDescent="0.2">
      <c r="A11" s="234">
        <v>5</v>
      </c>
      <c r="B11" s="1095"/>
      <c r="C11" s="1096"/>
      <c r="D11" s="1096"/>
      <c r="E11" s="1096"/>
      <c r="F11" s="1096"/>
      <c r="G11" s="1096"/>
      <c r="H11" s="1096"/>
      <c r="I11" s="1096"/>
      <c r="J11" s="1096"/>
      <c r="K11" s="1096"/>
      <c r="L11" s="1096"/>
      <c r="M11" s="1096"/>
      <c r="N11" s="1096"/>
      <c r="O11" s="1096"/>
      <c r="P11" s="1097"/>
      <c r="Q11" s="1103"/>
      <c r="R11" s="1104"/>
      <c r="S11" s="1104"/>
      <c r="T11" s="1104"/>
      <c r="U11" s="1104"/>
      <c r="V11" s="1104"/>
      <c r="W11" s="1104"/>
      <c r="X11" s="1104"/>
      <c r="Y11" s="1104"/>
      <c r="Z11" s="1104"/>
      <c r="AA11" s="1104"/>
      <c r="AB11" s="1104"/>
      <c r="AC11" s="1104"/>
      <c r="AD11" s="1104"/>
      <c r="AE11" s="1105"/>
      <c r="AF11" s="1100"/>
      <c r="AG11" s="1101"/>
      <c r="AH11" s="1101"/>
      <c r="AI11" s="1101"/>
      <c r="AJ11" s="1102"/>
      <c r="AK11" s="1145"/>
      <c r="AL11" s="1146"/>
      <c r="AM11" s="1146"/>
      <c r="AN11" s="1146"/>
      <c r="AO11" s="1146"/>
      <c r="AP11" s="1146"/>
      <c r="AQ11" s="1146"/>
      <c r="AR11" s="1146"/>
      <c r="AS11" s="1146"/>
      <c r="AT11" s="1146"/>
      <c r="AU11" s="1147"/>
      <c r="AV11" s="1147"/>
      <c r="AW11" s="1147"/>
      <c r="AX11" s="1147"/>
      <c r="AY11" s="1148"/>
      <c r="AZ11" s="228"/>
      <c r="BA11" s="228"/>
      <c r="BB11" s="228"/>
      <c r="BC11" s="228"/>
      <c r="BD11" s="228"/>
      <c r="BE11" s="229"/>
      <c r="BF11" s="229"/>
      <c r="BG11" s="229"/>
      <c r="BH11" s="229"/>
      <c r="BI11" s="229"/>
      <c r="BJ11" s="229"/>
      <c r="BK11" s="229"/>
      <c r="BL11" s="229"/>
      <c r="BM11" s="229"/>
      <c r="BN11" s="229"/>
      <c r="BO11" s="229"/>
      <c r="BP11" s="229"/>
      <c r="BQ11" s="234">
        <v>5</v>
      </c>
      <c r="BR11" s="235"/>
      <c r="BS11" s="1057"/>
      <c r="BT11" s="1058"/>
      <c r="BU11" s="1058"/>
      <c r="BV11" s="1058"/>
      <c r="BW11" s="1058"/>
      <c r="BX11" s="1058"/>
      <c r="BY11" s="1058"/>
      <c r="BZ11" s="1058"/>
      <c r="CA11" s="1058"/>
      <c r="CB11" s="1058"/>
      <c r="CC11" s="1058"/>
      <c r="CD11" s="1058"/>
      <c r="CE11" s="1058"/>
      <c r="CF11" s="1058"/>
      <c r="CG11" s="1079"/>
      <c r="CH11" s="1054"/>
      <c r="CI11" s="1055"/>
      <c r="CJ11" s="1055"/>
      <c r="CK11" s="1055"/>
      <c r="CL11" s="1056"/>
      <c r="CM11" s="1054"/>
      <c r="CN11" s="1055"/>
      <c r="CO11" s="1055"/>
      <c r="CP11" s="1055"/>
      <c r="CQ11" s="1056"/>
      <c r="CR11" s="1054"/>
      <c r="CS11" s="1055"/>
      <c r="CT11" s="1055"/>
      <c r="CU11" s="1055"/>
      <c r="CV11" s="1056"/>
      <c r="CW11" s="1054"/>
      <c r="CX11" s="1055"/>
      <c r="CY11" s="1055"/>
      <c r="CZ11" s="1055"/>
      <c r="DA11" s="1056"/>
      <c r="DB11" s="1054"/>
      <c r="DC11" s="1055"/>
      <c r="DD11" s="1055"/>
      <c r="DE11" s="1055"/>
      <c r="DF11" s="1056"/>
      <c r="DG11" s="1054"/>
      <c r="DH11" s="1055"/>
      <c r="DI11" s="1055"/>
      <c r="DJ11" s="1055"/>
      <c r="DK11" s="1056"/>
      <c r="DL11" s="1054"/>
      <c r="DM11" s="1055"/>
      <c r="DN11" s="1055"/>
      <c r="DO11" s="1055"/>
      <c r="DP11" s="1056"/>
      <c r="DQ11" s="1054"/>
      <c r="DR11" s="1055"/>
      <c r="DS11" s="1055"/>
      <c r="DT11" s="1055"/>
      <c r="DU11" s="1056"/>
      <c r="DV11" s="1057"/>
      <c r="DW11" s="1058"/>
      <c r="DX11" s="1058"/>
      <c r="DY11" s="1058"/>
      <c r="DZ11" s="1059"/>
      <c r="EA11" s="230"/>
    </row>
    <row r="12" spans="1:131" s="231" customFormat="1" ht="26.25" customHeight="1" x14ac:dyDescent="0.2">
      <c r="A12" s="234">
        <v>6</v>
      </c>
      <c r="B12" s="1095"/>
      <c r="C12" s="1096"/>
      <c r="D12" s="1096"/>
      <c r="E12" s="1096"/>
      <c r="F12" s="1096"/>
      <c r="G12" s="1096"/>
      <c r="H12" s="1096"/>
      <c r="I12" s="1096"/>
      <c r="J12" s="1096"/>
      <c r="K12" s="1096"/>
      <c r="L12" s="1096"/>
      <c r="M12" s="1096"/>
      <c r="N12" s="1096"/>
      <c r="O12" s="1096"/>
      <c r="P12" s="1097"/>
      <c r="Q12" s="1103"/>
      <c r="R12" s="1104"/>
      <c r="S12" s="1104"/>
      <c r="T12" s="1104"/>
      <c r="U12" s="1104"/>
      <c r="V12" s="1104"/>
      <c r="W12" s="1104"/>
      <c r="X12" s="1104"/>
      <c r="Y12" s="1104"/>
      <c r="Z12" s="1104"/>
      <c r="AA12" s="1104"/>
      <c r="AB12" s="1104"/>
      <c r="AC12" s="1104"/>
      <c r="AD12" s="1104"/>
      <c r="AE12" s="1105"/>
      <c r="AF12" s="1100"/>
      <c r="AG12" s="1101"/>
      <c r="AH12" s="1101"/>
      <c r="AI12" s="1101"/>
      <c r="AJ12" s="1102"/>
      <c r="AK12" s="1145"/>
      <c r="AL12" s="1146"/>
      <c r="AM12" s="1146"/>
      <c r="AN12" s="1146"/>
      <c r="AO12" s="1146"/>
      <c r="AP12" s="1146"/>
      <c r="AQ12" s="1146"/>
      <c r="AR12" s="1146"/>
      <c r="AS12" s="1146"/>
      <c r="AT12" s="1146"/>
      <c r="AU12" s="1147"/>
      <c r="AV12" s="1147"/>
      <c r="AW12" s="1147"/>
      <c r="AX12" s="1147"/>
      <c r="AY12" s="1148"/>
      <c r="AZ12" s="228"/>
      <c r="BA12" s="228"/>
      <c r="BB12" s="228"/>
      <c r="BC12" s="228"/>
      <c r="BD12" s="228"/>
      <c r="BE12" s="229"/>
      <c r="BF12" s="229"/>
      <c r="BG12" s="229"/>
      <c r="BH12" s="229"/>
      <c r="BI12" s="229"/>
      <c r="BJ12" s="229"/>
      <c r="BK12" s="229"/>
      <c r="BL12" s="229"/>
      <c r="BM12" s="229"/>
      <c r="BN12" s="229"/>
      <c r="BO12" s="229"/>
      <c r="BP12" s="229"/>
      <c r="BQ12" s="234">
        <v>6</v>
      </c>
      <c r="BR12" s="235"/>
      <c r="BS12" s="1057"/>
      <c r="BT12" s="1058"/>
      <c r="BU12" s="1058"/>
      <c r="BV12" s="1058"/>
      <c r="BW12" s="1058"/>
      <c r="BX12" s="1058"/>
      <c r="BY12" s="1058"/>
      <c r="BZ12" s="1058"/>
      <c r="CA12" s="1058"/>
      <c r="CB12" s="1058"/>
      <c r="CC12" s="1058"/>
      <c r="CD12" s="1058"/>
      <c r="CE12" s="1058"/>
      <c r="CF12" s="1058"/>
      <c r="CG12" s="1079"/>
      <c r="CH12" s="1054"/>
      <c r="CI12" s="1055"/>
      <c r="CJ12" s="1055"/>
      <c r="CK12" s="1055"/>
      <c r="CL12" s="1056"/>
      <c r="CM12" s="1054"/>
      <c r="CN12" s="1055"/>
      <c r="CO12" s="1055"/>
      <c r="CP12" s="1055"/>
      <c r="CQ12" s="1056"/>
      <c r="CR12" s="1054"/>
      <c r="CS12" s="1055"/>
      <c r="CT12" s="1055"/>
      <c r="CU12" s="1055"/>
      <c r="CV12" s="1056"/>
      <c r="CW12" s="1054"/>
      <c r="CX12" s="1055"/>
      <c r="CY12" s="1055"/>
      <c r="CZ12" s="1055"/>
      <c r="DA12" s="1056"/>
      <c r="DB12" s="1054"/>
      <c r="DC12" s="1055"/>
      <c r="DD12" s="1055"/>
      <c r="DE12" s="1055"/>
      <c r="DF12" s="1056"/>
      <c r="DG12" s="1054"/>
      <c r="DH12" s="1055"/>
      <c r="DI12" s="1055"/>
      <c r="DJ12" s="1055"/>
      <c r="DK12" s="1056"/>
      <c r="DL12" s="1054"/>
      <c r="DM12" s="1055"/>
      <c r="DN12" s="1055"/>
      <c r="DO12" s="1055"/>
      <c r="DP12" s="1056"/>
      <c r="DQ12" s="1054"/>
      <c r="DR12" s="1055"/>
      <c r="DS12" s="1055"/>
      <c r="DT12" s="1055"/>
      <c r="DU12" s="1056"/>
      <c r="DV12" s="1057"/>
      <c r="DW12" s="1058"/>
      <c r="DX12" s="1058"/>
      <c r="DY12" s="1058"/>
      <c r="DZ12" s="1059"/>
      <c r="EA12" s="230"/>
    </row>
    <row r="13" spans="1:131" s="231" customFormat="1" ht="26.25" customHeight="1" x14ac:dyDescent="0.2">
      <c r="A13" s="234">
        <v>7</v>
      </c>
      <c r="B13" s="1095"/>
      <c r="C13" s="1096"/>
      <c r="D13" s="1096"/>
      <c r="E13" s="1096"/>
      <c r="F13" s="1096"/>
      <c r="G13" s="1096"/>
      <c r="H13" s="1096"/>
      <c r="I13" s="1096"/>
      <c r="J13" s="1096"/>
      <c r="K13" s="1096"/>
      <c r="L13" s="1096"/>
      <c r="M13" s="1096"/>
      <c r="N13" s="1096"/>
      <c r="O13" s="1096"/>
      <c r="P13" s="1097"/>
      <c r="Q13" s="1103"/>
      <c r="R13" s="1104"/>
      <c r="S13" s="1104"/>
      <c r="T13" s="1104"/>
      <c r="U13" s="1104"/>
      <c r="V13" s="1104"/>
      <c r="W13" s="1104"/>
      <c r="X13" s="1104"/>
      <c r="Y13" s="1104"/>
      <c r="Z13" s="1104"/>
      <c r="AA13" s="1104"/>
      <c r="AB13" s="1104"/>
      <c r="AC13" s="1104"/>
      <c r="AD13" s="1104"/>
      <c r="AE13" s="1105"/>
      <c r="AF13" s="1100"/>
      <c r="AG13" s="1101"/>
      <c r="AH13" s="1101"/>
      <c r="AI13" s="1101"/>
      <c r="AJ13" s="1102"/>
      <c r="AK13" s="1145"/>
      <c r="AL13" s="1146"/>
      <c r="AM13" s="1146"/>
      <c r="AN13" s="1146"/>
      <c r="AO13" s="1146"/>
      <c r="AP13" s="1146"/>
      <c r="AQ13" s="1146"/>
      <c r="AR13" s="1146"/>
      <c r="AS13" s="1146"/>
      <c r="AT13" s="1146"/>
      <c r="AU13" s="1147"/>
      <c r="AV13" s="1147"/>
      <c r="AW13" s="1147"/>
      <c r="AX13" s="1147"/>
      <c r="AY13" s="1148"/>
      <c r="AZ13" s="228"/>
      <c r="BA13" s="228"/>
      <c r="BB13" s="228"/>
      <c r="BC13" s="228"/>
      <c r="BD13" s="228"/>
      <c r="BE13" s="229"/>
      <c r="BF13" s="229"/>
      <c r="BG13" s="229"/>
      <c r="BH13" s="229"/>
      <c r="BI13" s="229"/>
      <c r="BJ13" s="229"/>
      <c r="BK13" s="229"/>
      <c r="BL13" s="229"/>
      <c r="BM13" s="229"/>
      <c r="BN13" s="229"/>
      <c r="BO13" s="229"/>
      <c r="BP13" s="229"/>
      <c r="BQ13" s="234">
        <v>7</v>
      </c>
      <c r="BR13" s="235"/>
      <c r="BS13" s="1057"/>
      <c r="BT13" s="1058"/>
      <c r="BU13" s="1058"/>
      <c r="BV13" s="1058"/>
      <c r="BW13" s="1058"/>
      <c r="BX13" s="1058"/>
      <c r="BY13" s="1058"/>
      <c r="BZ13" s="1058"/>
      <c r="CA13" s="1058"/>
      <c r="CB13" s="1058"/>
      <c r="CC13" s="1058"/>
      <c r="CD13" s="1058"/>
      <c r="CE13" s="1058"/>
      <c r="CF13" s="1058"/>
      <c r="CG13" s="1079"/>
      <c r="CH13" s="1054"/>
      <c r="CI13" s="1055"/>
      <c r="CJ13" s="1055"/>
      <c r="CK13" s="1055"/>
      <c r="CL13" s="1056"/>
      <c r="CM13" s="1054"/>
      <c r="CN13" s="1055"/>
      <c r="CO13" s="1055"/>
      <c r="CP13" s="1055"/>
      <c r="CQ13" s="1056"/>
      <c r="CR13" s="1054"/>
      <c r="CS13" s="1055"/>
      <c r="CT13" s="1055"/>
      <c r="CU13" s="1055"/>
      <c r="CV13" s="1056"/>
      <c r="CW13" s="1054"/>
      <c r="CX13" s="1055"/>
      <c r="CY13" s="1055"/>
      <c r="CZ13" s="1055"/>
      <c r="DA13" s="1056"/>
      <c r="DB13" s="1054"/>
      <c r="DC13" s="1055"/>
      <c r="DD13" s="1055"/>
      <c r="DE13" s="1055"/>
      <c r="DF13" s="1056"/>
      <c r="DG13" s="1054"/>
      <c r="DH13" s="1055"/>
      <c r="DI13" s="1055"/>
      <c r="DJ13" s="1055"/>
      <c r="DK13" s="1056"/>
      <c r="DL13" s="1054"/>
      <c r="DM13" s="1055"/>
      <c r="DN13" s="1055"/>
      <c r="DO13" s="1055"/>
      <c r="DP13" s="1056"/>
      <c r="DQ13" s="1054"/>
      <c r="DR13" s="1055"/>
      <c r="DS13" s="1055"/>
      <c r="DT13" s="1055"/>
      <c r="DU13" s="1056"/>
      <c r="DV13" s="1057"/>
      <c r="DW13" s="1058"/>
      <c r="DX13" s="1058"/>
      <c r="DY13" s="1058"/>
      <c r="DZ13" s="1059"/>
      <c r="EA13" s="230"/>
    </row>
    <row r="14" spans="1:131" s="231" customFormat="1" ht="26.25" customHeight="1" x14ac:dyDescent="0.2">
      <c r="A14" s="234">
        <v>8</v>
      </c>
      <c r="B14" s="1095"/>
      <c r="C14" s="1096"/>
      <c r="D14" s="1096"/>
      <c r="E14" s="1096"/>
      <c r="F14" s="1096"/>
      <c r="G14" s="1096"/>
      <c r="H14" s="1096"/>
      <c r="I14" s="1096"/>
      <c r="J14" s="1096"/>
      <c r="K14" s="1096"/>
      <c r="L14" s="1096"/>
      <c r="M14" s="1096"/>
      <c r="N14" s="1096"/>
      <c r="O14" s="1096"/>
      <c r="P14" s="1097"/>
      <c r="Q14" s="1103"/>
      <c r="R14" s="1104"/>
      <c r="S14" s="1104"/>
      <c r="T14" s="1104"/>
      <c r="U14" s="1104"/>
      <c r="V14" s="1104"/>
      <c r="W14" s="1104"/>
      <c r="X14" s="1104"/>
      <c r="Y14" s="1104"/>
      <c r="Z14" s="1104"/>
      <c r="AA14" s="1104"/>
      <c r="AB14" s="1104"/>
      <c r="AC14" s="1104"/>
      <c r="AD14" s="1104"/>
      <c r="AE14" s="1105"/>
      <c r="AF14" s="1100"/>
      <c r="AG14" s="1101"/>
      <c r="AH14" s="1101"/>
      <c r="AI14" s="1101"/>
      <c r="AJ14" s="1102"/>
      <c r="AK14" s="1145"/>
      <c r="AL14" s="1146"/>
      <c r="AM14" s="1146"/>
      <c r="AN14" s="1146"/>
      <c r="AO14" s="1146"/>
      <c r="AP14" s="1146"/>
      <c r="AQ14" s="1146"/>
      <c r="AR14" s="1146"/>
      <c r="AS14" s="1146"/>
      <c r="AT14" s="1146"/>
      <c r="AU14" s="1147"/>
      <c r="AV14" s="1147"/>
      <c r="AW14" s="1147"/>
      <c r="AX14" s="1147"/>
      <c r="AY14" s="1148"/>
      <c r="AZ14" s="228"/>
      <c r="BA14" s="228"/>
      <c r="BB14" s="228"/>
      <c r="BC14" s="228"/>
      <c r="BD14" s="228"/>
      <c r="BE14" s="229"/>
      <c r="BF14" s="229"/>
      <c r="BG14" s="229"/>
      <c r="BH14" s="229"/>
      <c r="BI14" s="229"/>
      <c r="BJ14" s="229"/>
      <c r="BK14" s="229"/>
      <c r="BL14" s="229"/>
      <c r="BM14" s="229"/>
      <c r="BN14" s="229"/>
      <c r="BO14" s="229"/>
      <c r="BP14" s="229"/>
      <c r="BQ14" s="234">
        <v>8</v>
      </c>
      <c r="BR14" s="235"/>
      <c r="BS14" s="1057"/>
      <c r="BT14" s="1058"/>
      <c r="BU14" s="1058"/>
      <c r="BV14" s="1058"/>
      <c r="BW14" s="1058"/>
      <c r="BX14" s="1058"/>
      <c r="BY14" s="1058"/>
      <c r="BZ14" s="1058"/>
      <c r="CA14" s="1058"/>
      <c r="CB14" s="1058"/>
      <c r="CC14" s="1058"/>
      <c r="CD14" s="1058"/>
      <c r="CE14" s="1058"/>
      <c r="CF14" s="1058"/>
      <c r="CG14" s="1079"/>
      <c r="CH14" s="1054"/>
      <c r="CI14" s="1055"/>
      <c r="CJ14" s="1055"/>
      <c r="CK14" s="1055"/>
      <c r="CL14" s="1056"/>
      <c r="CM14" s="1054"/>
      <c r="CN14" s="1055"/>
      <c r="CO14" s="1055"/>
      <c r="CP14" s="1055"/>
      <c r="CQ14" s="1056"/>
      <c r="CR14" s="1054"/>
      <c r="CS14" s="1055"/>
      <c r="CT14" s="1055"/>
      <c r="CU14" s="1055"/>
      <c r="CV14" s="1056"/>
      <c r="CW14" s="1054"/>
      <c r="CX14" s="1055"/>
      <c r="CY14" s="1055"/>
      <c r="CZ14" s="1055"/>
      <c r="DA14" s="1056"/>
      <c r="DB14" s="1054"/>
      <c r="DC14" s="1055"/>
      <c r="DD14" s="1055"/>
      <c r="DE14" s="1055"/>
      <c r="DF14" s="1056"/>
      <c r="DG14" s="1054"/>
      <c r="DH14" s="1055"/>
      <c r="DI14" s="1055"/>
      <c r="DJ14" s="1055"/>
      <c r="DK14" s="1056"/>
      <c r="DL14" s="1054"/>
      <c r="DM14" s="1055"/>
      <c r="DN14" s="1055"/>
      <c r="DO14" s="1055"/>
      <c r="DP14" s="1056"/>
      <c r="DQ14" s="1054"/>
      <c r="DR14" s="1055"/>
      <c r="DS14" s="1055"/>
      <c r="DT14" s="1055"/>
      <c r="DU14" s="1056"/>
      <c r="DV14" s="1057"/>
      <c r="DW14" s="1058"/>
      <c r="DX14" s="1058"/>
      <c r="DY14" s="1058"/>
      <c r="DZ14" s="1059"/>
      <c r="EA14" s="230"/>
    </row>
    <row r="15" spans="1:131" s="231" customFormat="1" ht="26.25" customHeight="1" x14ac:dyDescent="0.2">
      <c r="A15" s="234">
        <v>9</v>
      </c>
      <c r="B15" s="1095"/>
      <c r="C15" s="1096"/>
      <c r="D15" s="1096"/>
      <c r="E15" s="1096"/>
      <c r="F15" s="1096"/>
      <c r="G15" s="1096"/>
      <c r="H15" s="1096"/>
      <c r="I15" s="1096"/>
      <c r="J15" s="1096"/>
      <c r="K15" s="1096"/>
      <c r="L15" s="1096"/>
      <c r="M15" s="1096"/>
      <c r="N15" s="1096"/>
      <c r="O15" s="1096"/>
      <c r="P15" s="1097"/>
      <c r="Q15" s="1103"/>
      <c r="R15" s="1104"/>
      <c r="S15" s="1104"/>
      <c r="T15" s="1104"/>
      <c r="U15" s="1104"/>
      <c r="V15" s="1104"/>
      <c r="W15" s="1104"/>
      <c r="X15" s="1104"/>
      <c r="Y15" s="1104"/>
      <c r="Z15" s="1104"/>
      <c r="AA15" s="1104"/>
      <c r="AB15" s="1104"/>
      <c r="AC15" s="1104"/>
      <c r="AD15" s="1104"/>
      <c r="AE15" s="1105"/>
      <c r="AF15" s="1100"/>
      <c r="AG15" s="1101"/>
      <c r="AH15" s="1101"/>
      <c r="AI15" s="1101"/>
      <c r="AJ15" s="1102"/>
      <c r="AK15" s="1145"/>
      <c r="AL15" s="1146"/>
      <c r="AM15" s="1146"/>
      <c r="AN15" s="1146"/>
      <c r="AO15" s="1146"/>
      <c r="AP15" s="1146"/>
      <c r="AQ15" s="1146"/>
      <c r="AR15" s="1146"/>
      <c r="AS15" s="1146"/>
      <c r="AT15" s="1146"/>
      <c r="AU15" s="1147"/>
      <c r="AV15" s="1147"/>
      <c r="AW15" s="1147"/>
      <c r="AX15" s="1147"/>
      <c r="AY15" s="1148"/>
      <c r="AZ15" s="228"/>
      <c r="BA15" s="228"/>
      <c r="BB15" s="228"/>
      <c r="BC15" s="228"/>
      <c r="BD15" s="228"/>
      <c r="BE15" s="229"/>
      <c r="BF15" s="229"/>
      <c r="BG15" s="229"/>
      <c r="BH15" s="229"/>
      <c r="BI15" s="229"/>
      <c r="BJ15" s="229"/>
      <c r="BK15" s="229"/>
      <c r="BL15" s="229"/>
      <c r="BM15" s="229"/>
      <c r="BN15" s="229"/>
      <c r="BO15" s="229"/>
      <c r="BP15" s="229"/>
      <c r="BQ15" s="234">
        <v>9</v>
      </c>
      <c r="BR15" s="235"/>
      <c r="BS15" s="1057"/>
      <c r="BT15" s="1058"/>
      <c r="BU15" s="1058"/>
      <c r="BV15" s="1058"/>
      <c r="BW15" s="1058"/>
      <c r="BX15" s="1058"/>
      <c r="BY15" s="1058"/>
      <c r="BZ15" s="1058"/>
      <c r="CA15" s="1058"/>
      <c r="CB15" s="1058"/>
      <c r="CC15" s="1058"/>
      <c r="CD15" s="1058"/>
      <c r="CE15" s="1058"/>
      <c r="CF15" s="1058"/>
      <c r="CG15" s="1079"/>
      <c r="CH15" s="1054"/>
      <c r="CI15" s="1055"/>
      <c r="CJ15" s="1055"/>
      <c r="CK15" s="1055"/>
      <c r="CL15" s="1056"/>
      <c r="CM15" s="1054"/>
      <c r="CN15" s="1055"/>
      <c r="CO15" s="1055"/>
      <c r="CP15" s="1055"/>
      <c r="CQ15" s="1056"/>
      <c r="CR15" s="1054"/>
      <c r="CS15" s="1055"/>
      <c r="CT15" s="1055"/>
      <c r="CU15" s="1055"/>
      <c r="CV15" s="1056"/>
      <c r="CW15" s="1054"/>
      <c r="CX15" s="1055"/>
      <c r="CY15" s="1055"/>
      <c r="CZ15" s="1055"/>
      <c r="DA15" s="1056"/>
      <c r="DB15" s="1054"/>
      <c r="DC15" s="1055"/>
      <c r="DD15" s="1055"/>
      <c r="DE15" s="1055"/>
      <c r="DF15" s="1056"/>
      <c r="DG15" s="1054"/>
      <c r="DH15" s="1055"/>
      <c r="DI15" s="1055"/>
      <c r="DJ15" s="1055"/>
      <c r="DK15" s="1056"/>
      <c r="DL15" s="1054"/>
      <c r="DM15" s="1055"/>
      <c r="DN15" s="1055"/>
      <c r="DO15" s="1055"/>
      <c r="DP15" s="1056"/>
      <c r="DQ15" s="1054"/>
      <c r="DR15" s="1055"/>
      <c r="DS15" s="1055"/>
      <c r="DT15" s="1055"/>
      <c r="DU15" s="1056"/>
      <c r="DV15" s="1057"/>
      <c r="DW15" s="1058"/>
      <c r="DX15" s="1058"/>
      <c r="DY15" s="1058"/>
      <c r="DZ15" s="1059"/>
      <c r="EA15" s="230"/>
    </row>
    <row r="16" spans="1:131" s="231" customFormat="1" ht="26.25" customHeight="1" x14ac:dyDescent="0.2">
      <c r="A16" s="234">
        <v>10</v>
      </c>
      <c r="B16" s="1095"/>
      <c r="C16" s="1096"/>
      <c r="D16" s="1096"/>
      <c r="E16" s="1096"/>
      <c r="F16" s="1096"/>
      <c r="G16" s="1096"/>
      <c r="H16" s="1096"/>
      <c r="I16" s="1096"/>
      <c r="J16" s="1096"/>
      <c r="K16" s="1096"/>
      <c r="L16" s="1096"/>
      <c r="M16" s="1096"/>
      <c r="N16" s="1096"/>
      <c r="O16" s="1096"/>
      <c r="P16" s="1097"/>
      <c r="Q16" s="1103"/>
      <c r="R16" s="1104"/>
      <c r="S16" s="1104"/>
      <c r="T16" s="1104"/>
      <c r="U16" s="1104"/>
      <c r="V16" s="1104"/>
      <c r="W16" s="1104"/>
      <c r="X16" s="1104"/>
      <c r="Y16" s="1104"/>
      <c r="Z16" s="1104"/>
      <c r="AA16" s="1104"/>
      <c r="AB16" s="1104"/>
      <c r="AC16" s="1104"/>
      <c r="AD16" s="1104"/>
      <c r="AE16" s="1105"/>
      <c r="AF16" s="1100"/>
      <c r="AG16" s="1101"/>
      <c r="AH16" s="1101"/>
      <c r="AI16" s="1101"/>
      <c r="AJ16" s="1102"/>
      <c r="AK16" s="1145"/>
      <c r="AL16" s="1146"/>
      <c r="AM16" s="1146"/>
      <c r="AN16" s="1146"/>
      <c r="AO16" s="1146"/>
      <c r="AP16" s="1146"/>
      <c r="AQ16" s="1146"/>
      <c r="AR16" s="1146"/>
      <c r="AS16" s="1146"/>
      <c r="AT16" s="1146"/>
      <c r="AU16" s="1147"/>
      <c r="AV16" s="1147"/>
      <c r="AW16" s="1147"/>
      <c r="AX16" s="1147"/>
      <c r="AY16" s="1148"/>
      <c r="AZ16" s="228"/>
      <c r="BA16" s="228"/>
      <c r="BB16" s="228"/>
      <c r="BC16" s="228"/>
      <c r="BD16" s="228"/>
      <c r="BE16" s="229"/>
      <c r="BF16" s="229"/>
      <c r="BG16" s="229"/>
      <c r="BH16" s="229"/>
      <c r="BI16" s="229"/>
      <c r="BJ16" s="229"/>
      <c r="BK16" s="229"/>
      <c r="BL16" s="229"/>
      <c r="BM16" s="229"/>
      <c r="BN16" s="229"/>
      <c r="BO16" s="229"/>
      <c r="BP16" s="229"/>
      <c r="BQ16" s="234">
        <v>10</v>
      </c>
      <c r="BR16" s="235"/>
      <c r="BS16" s="1057"/>
      <c r="BT16" s="1058"/>
      <c r="BU16" s="1058"/>
      <c r="BV16" s="1058"/>
      <c r="BW16" s="1058"/>
      <c r="BX16" s="1058"/>
      <c r="BY16" s="1058"/>
      <c r="BZ16" s="1058"/>
      <c r="CA16" s="1058"/>
      <c r="CB16" s="1058"/>
      <c r="CC16" s="1058"/>
      <c r="CD16" s="1058"/>
      <c r="CE16" s="1058"/>
      <c r="CF16" s="1058"/>
      <c r="CG16" s="1079"/>
      <c r="CH16" s="1054"/>
      <c r="CI16" s="1055"/>
      <c r="CJ16" s="1055"/>
      <c r="CK16" s="1055"/>
      <c r="CL16" s="1056"/>
      <c r="CM16" s="1054"/>
      <c r="CN16" s="1055"/>
      <c r="CO16" s="1055"/>
      <c r="CP16" s="1055"/>
      <c r="CQ16" s="1056"/>
      <c r="CR16" s="1054"/>
      <c r="CS16" s="1055"/>
      <c r="CT16" s="1055"/>
      <c r="CU16" s="1055"/>
      <c r="CV16" s="1056"/>
      <c r="CW16" s="1054"/>
      <c r="CX16" s="1055"/>
      <c r="CY16" s="1055"/>
      <c r="CZ16" s="1055"/>
      <c r="DA16" s="1056"/>
      <c r="DB16" s="1054"/>
      <c r="DC16" s="1055"/>
      <c r="DD16" s="1055"/>
      <c r="DE16" s="1055"/>
      <c r="DF16" s="1056"/>
      <c r="DG16" s="1054"/>
      <c r="DH16" s="1055"/>
      <c r="DI16" s="1055"/>
      <c r="DJ16" s="1055"/>
      <c r="DK16" s="1056"/>
      <c r="DL16" s="1054"/>
      <c r="DM16" s="1055"/>
      <c r="DN16" s="1055"/>
      <c r="DO16" s="1055"/>
      <c r="DP16" s="1056"/>
      <c r="DQ16" s="1054"/>
      <c r="DR16" s="1055"/>
      <c r="DS16" s="1055"/>
      <c r="DT16" s="1055"/>
      <c r="DU16" s="1056"/>
      <c r="DV16" s="1057"/>
      <c r="DW16" s="1058"/>
      <c r="DX16" s="1058"/>
      <c r="DY16" s="1058"/>
      <c r="DZ16" s="1059"/>
      <c r="EA16" s="230"/>
    </row>
    <row r="17" spans="1:131" s="231" customFormat="1" ht="26.25" customHeight="1" x14ac:dyDescent="0.2">
      <c r="A17" s="234">
        <v>11</v>
      </c>
      <c r="B17" s="1095"/>
      <c r="C17" s="1096"/>
      <c r="D17" s="1096"/>
      <c r="E17" s="1096"/>
      <c r="F17" s="1096"/>
      <c r="G17" s="1096"/>
      <c r="H17" s="1096"/>
      <c r="I17" s="1096"/>
      <c r="J17" s="1096"/>
      <c r="K17" s="1096"/>
      <c r="L17" s="1096"/>
      <c r="M17" s="1096"/>
      <c r="N17" s="1096"/>
      <c r="O17" s="1096"/>
      <c r="P17" s="1097"/>
      <c r="Q17" s="1103"/>
      <c r="R17" s="1104"/>
      <c r="S17" s="1104"/>
      <c r="T17" s="1104"/>
      <c r="U17" s="1104"/>
      <c r="V17" s="1104"/>
      <c r="W17" s="1104"/>
      <c r="X17" s="1104"/>
      <c r="Y17" s="1104"/>
      <c r="Z17" s="1104"/>
      <c r="AA17" s="1104"/>
      <c r="AB17" s="1104"/>
      <c r="AC17" s="1104"/>
      <c r="AD17" s="1104"/>
      <c r="AE17" s="1105"/>
      <c r="AF17" s="1100"/>
      <c r="AG17" s="1101"/>
      <c r="AH17" s="1101"/>
      <c r="AI17" s="1101"/>
      <c r="AJ17" s="1102"/>
      <c r="AK17" s="1145"/>
      <c r="AL17" s="1146"/>
      <c r="AM17" s="1146"/>
      <c r="AN17" s="1146"/>
      <c r="AO17" s="1146"/>
      <c r="AP17" s="1146"/>
      <c r="AQ17" s="1146"/>
      <c r="AR17" s="1146"/>
      <c r="AS17" s="1146"/>
      <c r="AT17" s="1146"/>
      <c r="AU17" s="1147"/>
      <c r="AV17" s="1147"/>
      <c r="AW17" s="1147"/>
      <c r="AX17" s="1147"/>
      <c r="AY17" s="1148"/>
      <c r="AZ17" s="228"/>
      <c r="BA17" s="228"/>
      <c r="BB17" s="228"/>
      <c r="BC17" s="228"/>
      <c r="BD17" s="228"/>
      <c r="BE17" s="229"/>
      <c r="BF17" s="229"/>
      <c r="BG17" s="229"/>
      <c r="BH17" s="229"/>
      <c r="BI17" s="229"/>
      <c r="BJ17" s="229"/>
      <c r="BK17" s="229"/>
      <c r="BL17" s="229"/>
      <c r="BM17" s="229"/>
      <c r="BN17" s="229"/>
      <c r="BO17" s="229"/>
      <c r="BP17" s="229"/>
      <c r="BQ17" s="234">
        <v>11</v>
      </c>
      <c r="BR17" s="235"/>
      <c r="BS17" s="1057"/>
      <c r="BT17" s="1058"/>
      <c r="BU17" s="1058"/>
      <c r="BV17" s="1058"/>
      <c r="BW17" s="1058"/>
      <c r="BX17" s="1058"/>
      <c r="BY17" s="1058"/>
      <c r="BZ17" s="1058"/>
      <c r="CA17" s="1058"/>
      <c r="CB17" s="1058"/>
      <c r="CC17" s="1058"/>
      <c r="CD17" s="1058"/>
      <c r="CE17" s="1058"/>
      <c r="CF17" s="1058"/>
      <c r="CG17" s="1079"/>
      <c r="CH17" s="1054"/>
      <c r="CI17" s="1055"/>
      <c r="CJ17" s="1055"/>
      <c r="CK17" s="1055"/>
      <c r="CL17" s="1056"/>
      <c r="CM17" s="1054"/>
      <c r="CN17" s="1055"/>
      <c r="CO17" s="1055"/>
      <c r="CP17" s="1055"/>
      <c r="CQ17" s="1056"/>
      <c r="CR17" s="1054"/>
      <c r="CS17" s="1055"/>
      <c r="CT17" s="1055"/>
      <c r="CU17" s="1055"/>
      <c r="CV17" s="1056"/>
      <c r="CW17" s="1054"/>
      <c r="CX17" s="1055"/>
      <c r="CY17" s="1055"/>
      <c r="CZ17" s="1055"/>
      <c r="DA17" s="1056"/>
      <c r="DB17" s="1054"/>
      <c r="DC17" s="1055"/>
      <c r="DD17" s="1055"/>
      <c r="DE17" s="1055"/>
      <c r="DF17" s="1056"/>
      <c r="DG17" s="1054"/>
      <c r="DH17" s="1055"/>
      <c r="DI17" s="1055"/>
      <c r="DJ17" s="1055"/>
      <c r="DK17" s="1056"/>
      <c r="DL17" s="1054"/>
      <c r="DM17" s="1055"/>
      <c r="DN17" s="1055"/>
      <c r="DO17" s="1055"/>
      <c r="DP17" s="1056"/>
      <c r="DQ17" s="1054"/>
      <c r="DR17" s="1055"/>
      <c r="DS17" s="1055"/>
      <c r="DT17" s="1055"/>
      <c r="DU17" s="1056"/>
      <c r="DV17" s="1057"/>
      <c r="DW17" s="1058"/>
      <c r="DX17" s="1058"/>
      <c r="DY17" s="1058"/>
      <c r="DZ17" s="1059"/>
      <c r="EA17" s="230"/>
    </row>
    <row r="18" spans="1:131" s="231" customFormat="1" ht="26.25" customHeight="1" x14ac:dyDescent="0.2">
      <c r="A18" s="234">
        <v>12</v>
      </c>
      <c r="B18" s="1095"/>
      <c r="C18" s="1096"/>
      <c r="D18" s="1096"/>
      <c r="E18" s="1096"/>
      <c r="F18" s="1096"/>
      <c r="G18" s="1096"/>
      <c r="H18" s="1096"/>
      <c r="I18" s="1096"/>
      <c r="J18" s="1096"/>
      <c r="K18" s="1096"/>
      <c r="L18" s="1096"/>
      <c r="M18" s="1096"/>
      <c r="N18" s="1096"/>
      <c r="O18" s="1096"/>
      <c r="P18" s="1097"/>
      <c r="Q18" s="1103"/>
      <c r="R18" s="1104"/>
      <c r="S18" s="1104"/>
      <c r="T18" s="1104"/>
      <c r="U18" s="1104"/>
      <c r="V18" s="1104"/>
      <c r="W18" s="1104"/>
      <c r="X18" s="1104"/>
      <c r="Y18" s="1104"/>
      <c r="Z18" s="1104"/>
      <c r="AA18" s="1104"/>
      <c r="AB18" s="1104"/>
      <c r="AC18" s="1104"/>
      <c r="AD18" s="1104"/>
      <c r="AE18" s="1105"/>
      <c r="AF18" s="1100"/>
      <c r="AG18" s="1101"/>
      <c r="AH18" s="1101"/>
      <c r="AI18" s="1101"/>
      <c r="AJ18" s="1102"/>
      <c r="AK18" s="1145"/>
      <c r="AL18" s="1146"/>
      <c r="AM18" s="1146"/>
      <c r="AN18" s="1146"/>
      <c r="AO18" s="1146"/>
      <c r="AP18" s="1146"/>
      <c r="AQ18" s="1146"/>
      <c r="AR18" s="1146"/>
      <c r="AS18" s="1146"/>
      <c r="AT18" s="1146"/>
      <c r="AU18" s="1147"/>
      <c r="AV18" s="1147"/>
      <c r="AW18" s="1147"/>
      <c r="AX18" s="1147"/>
      <c r="AY18" s="1148"/>
      <c r="AZ18" s="228"/>
      <c r="BA18" s="228"/>
      <c r="BB18" s="228"/>
      <c r="BC18" s="228"/>
      <c r="BD18" s="228"/>
      <c r="BE18" s="229"/>
      <c r="BF18" s="229"/>
      <c r="BG18" s="229"/>
      <c r="BH18" s="229"/>
      <c r="BI18" s="229"/>
      <c r="BJ18" s="229"/>
      <c r="BK18" s="229"/>
      <c r="BL18" s="229"/>
      <c r="BM18" s="229"/>
      <c r="BN18" s="229"/>
      <c r="BO18" s="229"/>
      <c r="BP18" s="229"/>
      <c r="BQ18" s="234">
        <v>12</v>
      </c>
      <c r="BR18" s="235"/>
      <c r="BS18" s="1057"/>
      <c r="BT18" s="1058"/>
      <c r="BU18" s="1058"/>
      <c r="BV18" s="1058"/>
      <c r="BW18" s="1058"/>
      <c r="BX18" s="1058"/>
      <c r="BY18" s="1058"/>
      <c r="BZ18" s="1058"/>
      <c r="CA18" s="1058"/>
      <c r="CB18" s="1058"/>
      <c r="CC18" s="1058"/>
      <c r="CD18" s="1058"/>
      <c r="CE18" s="1058"/>
      <c r="CF18" s="1058"/>
      <c r="CG18" s="1079"/>
      <c r="CH18" s="1054"/>
      <c r="CI18" s="1055"/>
      <c r="CJ18" s="1055"/>
      <c r="CK18" s="1055"/>
      <c r="CL18" s="1056"/>
      <c r="CM18" s="1054"/>
      <c r="CN18" s="1055"/>
      <c r="CO18" s="1055"/>
      <c r="CP18" s="1055"/>
      <c r="CQ18" s="1056"/>
      <c r="CR18" s="1054"/>
      <c r="CS18" s="1055"/>
      <c r="CT18" s="1055"/>
      <c r="CU18" s="1055"/>
      <c r="CV18" s="1056"/>
      <c r="CW18" s="1054"/>
      <c r="CX18" s="1055"/>
      <c r="CY18" s="1055"/>
      <c r="CZ18" s="1055"/>
      <c r="DA18" s="1056"/>
      <c r="DB18" s="1054"/>
      <c r="DC18" s="1055"/>
      <c r="DD18" s="1055"/>
      <c r="DE18" s="1055"/>
      <c r="DF18" s="1056"/>
      <c r="DG18" s="1054"/>
      <c r="DH18" s="1055"/>
      <c r="DI18" s="1055"/>
      <c r="DJ18" s="1055"/>
      <c r="DK18" s="1056"/>
      <c r="DL18" s="1054"/>
      <c r="DM18" s="1055"/>
      <c r="DN18" s="1055"/>
      <c r="DO18" s="1055"/>
      <c r="DP18" s="1056"/>
      <c r="DQ18" s="1054"/>
      <c r="DR18" s="1055"/>
      <c r="DS18" s="1055"/>
      <c r="DT18" s="1055"/>
      <c r="DU18" s="1056"/>
      <c r="DV18" s="1057"/>
      <c r="DW18" s="1058"/>
      <c r="DX18" s="1058"/>
      <c r="DY18" s="1058"/>
      <c r="DZ18" s="1059"/>
      <c r="EA18" s="230"/>
    </row>
    <row r="19" spans="1:131" s="231" customFormat="1" ht="26.25" customHeight="1" x14ac:dyDescent="0.2">
      <c r="A19" s="234">
        <v>13</v>
      </c>
      <c r="B19" s="1095"/>
      <c r="C19" s="1096"/>
      <c r="D19" s="1096"/>
      <c r="E19" s="1096"/>
      <c r="F19" s="1096"/>
      <c r="G19" s="1096"/>
      <c r="H19" s="1096"/>
      <c r="I19" s="1096"/>
      <c r="J19" s="1096"/>
      <c r="K19" s="1096"/>
      <c r="L19" s="1096"/>
      <c r="M19" s="1096"/>
      <c r="N19" s="1096"/>
      <c r="O19" s="1096"/>
      <c r="P19" s="1097"/>
      <c r="Q19" s="1103"/>
      <c r="R19" s="1104"/>
      <c r="S19" s="1104"/>
      <c r="T19" s="1104"/>
      <c r="U19" s="1104"/>
      <c r="V19" s="1104"/>
      <c r="W19" s="1104"/>
      <c r="X19" s="1104"/>
      <c r="Y19" s="1104"/>
      <c r="Z19" s="1104"/>
      <c r="AA19" s="1104"/>
      <c r="AB19" s="1104"/>
      <c r="AC19" s="1104"/>
      <c r="AD19" s="1104"/>
      <c r="AE19" s="1105"/>
      <c r="AF19" s="1100"/>
      <c r="AG19" s="1101"/>
      <c r="AH19" s="1101"/>
      <c r="AI19" s="1101"/>
      <c r="AJ19" s="1102"/>
      <c r="AK19" s="1145"/>
      <c r="AL19" s="1146"/>
      <c r="AM19" s="1146"/>
      <c r="AN19" s="1146"/>
      <c r="AO19" s="1146"/>
      <c r="AP19" s="1146"/>
      <c r="AQ19" s="1146"/>
      <c r="AR19" s="1146"/>
      <c r="AS19" s="1146"/>
      <c r="AT19" s="1146"/>
      <c r="AU19" s="1147"/>
      <c r="AV19" s="1147"/>
      <c r="AW19" s="1147"/>
      <c r="AX19" s="1147"/>
      <c r="AY19" s="1148"/>
      <c r="AZ19" s="228"/>
      <c r="BA19" s="228"/>
      <c r="BB19" s="228"/>
      <c r="BC19" s="228"/>
      <c r="BD19" s="228"/>
      <c r="BE19" s="229"/>
      <c r="BF19" s="229"/>
      <c r="BG19" s="229"/>
      <c r="BH19" s="229"/>
      <c r="BI19" s="229"/>
      <c r="BJ19" s="229"/>
      <c r="BK19" s="229"/>
      <c r="BL19" s="229"/>
      <c r="BM19" s="229"/>
      <c r="BN19" s="229"/>
      <c r="BO19" s="229"/>
      <c r="BP19" s="229"/>
      <c r="BQ19" s="234">
        <v>13</v>
      </c>
      <c r="BR19" s="235"/>
      <c r="BS19" s="1057"/>
      <c r="BT19" s="1058"/>
      <c r="BU19" s="1058"/>
      <c r="BV19" s="1058"/>
      <c r="BW19" s="1058"/>
      <c r="BX19" s="1058"/>
      <c r="BY19" s="1058"/>
      <c r="BZ19" s="1058"/>
      <c r="CA19" s="1058"/>
      <c r="CB19" s="1058"/>
      <c r="CC19" s="1058"/>
      <c r="CD19" s="1058"/>
      <c r="CE19" s="1058"/>
      <c r="CF19" s="1058"/>
      <c r="CG19" s="1079"/>
      <c r="CH19" s="1054"/>
      <c r="CI19" s="1055"/>
      <c r="CJ19" s="1055"/>
      <c r="CK19" s="1055"/>
      <c r="CL19" s="1056"/>
      <c r="CM19" s="1054"/>
      <c r="CN19" s="1055"/>
      <c r="CO19" s="1055"/>
      <c r="CP19" s="1055"/>
      <c r="CQ19" s="1056"/>
      <c r="CR19" s="1054"/>
      <c r="CS19" s="1055"/>
      <c r="CT19" s="1055"/>
      <c r="CU19" s="1055"/>
      <c r="CV19" s="1056"/>
      <c r="CW19" s="1054"/>
      <c r="CX19" s="1055"/>
      <c r="CY19" s="1055"/>
      <c r="CZ19" s="1055"/>
      <c r="DA19" s="1056"/>
      <c r="DB19" s="1054"/>
      <c r="DC19" s="1055"/>
      <c r="DD19" s="1055"/>
      <c r="DE19" s="1055"/>
      <c r="DF19" s="1056"/>
      <c r="DG19" s="1054"/>
      <c r="DH19" s="1055"/>
      <c r="DI19" s="1055"/>
      <c r="DJ19" s="1055"/>
      <c r="DK19" s="1056"/>
      <c r="DL19" s="1054"/>
      <c r="DM19" s="1055"/>
      <c r="DN19" s="1055"/>
      <c r="DO19" s="1055"/>
      <c r="DP19" s="1056"/>
      <c r="DQ19" s="1054"/>
      <c r="DR19" s="1055"/>
      <c r="DS19" s="1055"/>
      <c r="DT19" s="1055"/>
      <c r="DU19" s="1056"/>
      <c r="DV19" s="1057"/>
      <c r="DW19" s="1058"/>
      <c r="DX19" s="1058"/>
      <c r="DY19" s="1058"/>
      <c r="DZ19" s="1059"/>
      <c r="EA19" s="230"/>
    </row>
    <row r="20" spans="1:131" s="231" customFormat="1" ht="26.25" customHeight="1" x14ac:dyDescent="0.2">
      <c r="A20" s="234">
        <v>14</v>
      </c>
      <c r="B20" s="1095"/>
      <c r="C20" s="1096"/>
      <c r="D20" s="1096"/>
      <c r="E20" s="1096"/>
      <c r="F20" s="1096"/>
      <c r="G20" s="1096"/>
      <c r="H20" s="1096"/>
      <c r="I20" s="1096"/>
      <c r="J20" s="1096"/>
      <c r="K20" s="1096"/>
      <c r="L20" s="1096"/>
      <c r="M20" s="1096"/>
      <c r="N20" s="1096"/>
      <c r="O20" s="1096"/>
      <c r="P20" s="1097"/>
      <c r="Q20" s="1103"/>
      <c r="R20" s="1104"/>
      <c r="S20" s="1104"/>
      <c r="T20" s="1104"/>
      <c r="U20" s="1104"/>
      <c r="V20" s="1104"/>
      <c r="W20" s="1104"/>
      <c r="X20" s="1104"/>
      <c r="Y20" s="1104"/>
      <c r="Z20" s="1104"/>
      <c r="AA20" s="1104"/>
      <c r="AB20" s="1104"/>
      <c r="AC20" s="1104"/>
      <c r="AD20" s="1104"/>
      <c r="AE20" s="1105"/>
      <c r="AF20" s="1100"/>
      <c r="AG20" s="1101"/>
      <c r="AH20" s="1101"/>
      <c r="AI20" s="1101"/>
      <c r="AJ20" s="1102"/>
      <c r="AK20" s="1145"/>
      <c r="AL20" s="1146"/>
      <c r="AM20" s="1146"/>
      <c r="AN20" s="1146"/>
      <c r="AO20" s="1146"/>
      <c r="AP20" s="1146"/>
      <c r="AQ20" s="1146"/>
      <c r="AR20" s="1146"/>
      <c r="AS20" s="1146"/>
      <c r="AT20" s="1146"/>
      <c r="AU20" s="1147"/>
      <c r="AV20" s="1147"/>
      <c r="AW20" s="1147"/>
      <c r="AX20" s="1147"/>
      <c r="AY20" s="1148"/>
      <c r="AZ20" s="228"/>
      <c r="BA20" s="228"/>
      <c r="BB20" s="228"/>
      <c r="BC20" s="228"/>
      <c r="BD20" s="228"/>
      <c r="BE20" s="229"/>
      <c r="BF20" s="229"/>
      <c r="BG20" s="229"/>
      <c r="BH20" s="229"/>
      <c r="BI20" s="229"/>
      <c r="BJ20" s="229"/>
      <c r="BK20" s="229"/>
      <c r="BL20" s="229"/>
      <c r="BM20" s="229"/>
      <c r="BN20" s="229"/>
      <c r="BO20" s="229"/>
      <c r="BP20" s="229"/>
      <c r="BQ20" s="234">
        <v>14</v>
      </c>
      <c r="BR20" s="235"/>
      <c r="BS20" s="1057"/>
      <c r="BT20" s="1058"/>
      <c r="BU20" s="1058"/>
      <c r="BV20" s="1058"/>
      <c r="BW20" s="1058"/>
      <c r="BX20" s="1058"/>
      <c r="BY20" s="1058"/>
      <c r="BZ20" s="1058"/>
      <c r="CA20" s="1058"/>
      <c r="CB20" s="1058"/>
      <c r="CC20" s="1058"/>
      <c r="CD20" s="1058"/>
      <c r="CE20" s="1058"/>
      <c r="CF20" s="1058"/>
      <c r="CG20" s="1079"/>
      <c r="CH20" s="1054"/>
      <c r="CI20" s="1055"/>
      <c r="CJ20" s="1055"/>
      <c r="CK20" s="1055"/>
      <c r="CL20" s="1056"/>
      <c r="CM20" s="1054"/>
      <c r="CN20" s="1055"/>
      <c r="CO20" s="1055"/>
      <c r="CP20" s="1055"/>
      <c r="CQ20" s="1056"/>
      <c r="CR20" s="1054"/>
      <c r="CS20" s="1055"/>
      <c r="CT20" s="1055"/>
      <c r="CU20" s="1055"/>
      <c r="CV20" s="1056"/>
      <c r="CW20" s="1054"/>
      <c r="CX20" s="1055"/>
      <c r="CY20" s="1055"/>
      <c r="CZ20" s="1055"/>
      <c r="DA20" s="1056"/>
      <c r="DB20" s="1054"/>
      <c r="DC20" s="1055"/>
      <c r="DD20" s="1055"/>
      <c r="DE20" s="1055"/>
      <c r="DF20" s="1056"/>
      <c r="DG20" s="1054"/>
      <c r="DH20" s="1055"/>
      <c r="DI20" s="1055"/>
      <c r="DJ20" s="1055"/>
      <c r="DK20" s="1056"/>
      <c r="DL20" s="1054"/>
      <c r="DM20" s="1055"/>
      <c r="DN20" s="1055"/>
      <c r="DO20" s="1055"/>
      <c r="DP20" s="1056"/>
      <c r="DQ20" s="1054"/>
      <c r="DR20" s="1055"/>
      <c r="DS20" s="1055"/>
      <c r="DT20" s="1055"/>
      <c r="DU20" s="1056"/>
      <c r="DV20" s="1057"/>
      <c r="DW20" s="1058"/>
      <c r="DX20" s="1058"/>
      <c r="DY20" s="1058"/>
      <c r="DZ20" s="1059"/>
      <c r="EA20" s="230"/>
    </row>
    <row r="21" spans="1:131" s="231" customFormat="1" ht="26.25" customHeight="1" thickBot="1" x14ac:dyDescent="0.25">
      <c r="A21" s="234">
        <v>15</v>
      </c>
      <c r="B21" s="1095"/>
      <c r="C21" s="1096"/>
      <c r="D21" s="1096"/>
      <c r="E21" s="1096"/>
      <c r="F21" s="1096"/>
      <c r="G21" s="1096"/>
      <c r="H21" s="1096"/>
      <c r="I21" s="1096"/>
      <c r="J21" s="1096"/>
      <c r="K21" s="1096"/>
      <c r="L21" s="1096"/>
      <c r="M21" s="1096"/>
      <c r="N21" s="1096"/>
      <c r="O21" s="1096"/>
      <c r="P21" s="1097"/>
      <c r="Q21" s="1103"/>
      <c r="R21" s="1104"/>
      <c r="S21" s="1104"/>
      <c r="T21" s="1104"/>
      <c r="U21" s="1104"/>
      <c r="V21" s="1104"/>
      <c r="W21" s="1104"/>
      <c r="X21" s="1104"/>
      <c r="Y21" s="1104"/>
      <c r="Z21" s="1104"/>
      <c r="AA21" s="1104"/>
      <c r="AB21" s="1104"/>
      <c r="AC21" s="1104"/>
      <c r="AD21" s="1104"/>
      <c r="AE21" s="1105"/>
      <c r="AF21" s="1100"/>
      <c r="AG21" s="1101"/>
      <c r="AH21" s="1101"/>
      <c r="AI21" s="1101"/>
      <c r="AJ21" s="1102"/>
      <c r="AK21" s="1145"/>
      <c r="AL21" s="1146"/>
      <c r="AM21" s="1146"/>
      <c r="AN21" s="1146"/>
      <c r="AO21" s="1146"/>
      <c r="AP21" s="1146"/>
      <c r="AQ21" s="1146"/>
      <c r="AR21" s="1146"/>
      <c r="AS21" s="1146"/>
      <c r="AT21" s="1146"/>
      <c r="AU21" s="1147"/>
      <c r="AV21" s="1147"/>
      <c r="AW21" s="1147"/>
      <c r="AX21" s="1147"/>
      <c r="AY21" s="1148"/>
      <c r="AZ21" s="228"/>
      <c r="BA21" s="228"/>
      <c r="BB21" s="228"/>
      <c r="BC21" s="228"/>
      <c r="BD21" s="228"/>
      <c r="BE21" s="229"/>
      <c r="BF21" s="229"/>
      <c r="BG21" s="229"/>
      <c r="BH21" s="229"/>
      <c r="BI21" s="229"/>
      <c r="BJ21" s="229"/>
      <c r="BK21" s="229"/>
      <c r="BL21" s="229"/>
      <c r="BM21" s="229"/>
      <c r="BN21" s="229"/>
      <c r="BO21" s="229"/>
      <c r="BP21" s="229"/>
      <c r="BQ21" s="234">
        <v>15</v>
      </c>
      <c r="BR21" s="235"/>
      <c r="BS21" s="1057"/>
      <c r="BT21" s="1058"/>
      <c r="BU21" s="1058"/>
      <c r="BV21" s="1058"/>
      <c r="BW21" s="1058"/>
      <c r="BX21" s="1058"/>
      <c r="BY21" s="1058"/>
      <c r="BZ21" s="1058"/>
      <c r="CA21" s="1058"/>
      <c r="CB21" s="1058"/>
      <c r="CC21" s="1058"/>
      <c r="CD21" s="1058"/>
      <c r="CE21" s="1058"/>
      <c r="CF21" s="1058"/>
      <c r="CG21" s="1079"/>
      <c r="CH21" s="1054"/>
      <c r="CI21" s="1055"/>
      <c r="CJ21" s="1055"/>
      <c r="CK21" s="1055"/>
      <c r="CL21" s="1056"/>
      <c r="CM21" s="1054"/>
      <c r="CN21" s="1055"/>
      <c r="CO21" s="1055"/>
      <c r="CP21" s="1055"/>
      <c r="CQ21" s="1056"/>
      <c r="CR21" s="1054"/>
      <c r="CS21" s="1055"/>
      <c r="CT21" s="1055"/>
      <c r="CU21" s="1055"/>
      <c r="CV21" s="1056"/>
      <c r="CW21" s="1054"/>
      <c r="CX21" s="1055"/>
      <c r="CY21" s="1055"/>
      <c r="CZ21" s="1055"/>
      <c r="DA21" s="1056"/>
      <c r="DB21" s="1054"/>
      <c r="DC21" s="1055"/>
      <c r="DD21" s="1055"/>
      <c r="DE21" s="1055"/>
      <c r="DF21" s="1056"/>
      <c r="DG21" s="1054"/>
      <c r="DH21" s="1055"/>
      <c r="DI21" s="1055"/>
      <c r="DJ21" s="1055"/>
      <c r="DK21" s="1056"/>
      <c r="DL21" s="1054"/>
      <c r="DM21" s="1055"/>
      <c r="DN21" s="1055"/>
      <c r="DO21" s="1055"/>
      <c r="DP21" s="1056"/>
      <c r="DQ21" s="1054"/>
      <c r="DR21" s="1055"/>
      <c r="DS21" s="1055"/>
      <c r="DT21" s="1055"/>
      <c r="DU21" s="1056"/>
      <c r="DV21" s="1057"/>
      <c r="DW21" s="1058"/>
      <c r="DX21" s="1058"/>
      <c r="DY21" s="1058"/>
      <c r="DZ21" s="1059"/>
      <c r="EA21" s="230"/>
    </row>
    <row r="22" spans="1:131" s="231" customFormat="1" ht="26.25" customHeight="1" x14ac:dyDescent="0.2">
      <c r="A22" s="234">
        <v>16</v>
      </c>
      <c r="B22" s="1095"/>
      <c r="C22" s="1096"/>
      <c r="D22" s="1096"/>
      <c r="E22" s="1096"/>
      <c r="F22" s="1096"/>
      <c r="G22" s="1096"/>
      <c r="H22" s="1096"/>
      <c r="I22" s="1096"/>
      <c r="J22" s="1096"/>
      <c r="K22" s="1096"/>
      <c r="L22" s="1096"/>
      <c r="M22" s="1096"/>
      <c r="N22" s="1096"/>
      <c r="O22" s="1096"/>
      <c r="P22" s="1097"/>
      <c r="Q22" s="1138"/>
      <c r="R22" s="1139"/>
      <c r="S22" s="1139"/>
      <c r="T22" s="1139"/>
      <c r="U22" s="1139"/>
      <c r="V22" s="1139"/>
      <c r="W22" s="1139"/>
      <c r="X22" s="1139"/>
      <c r="Y22" s="1139"/>
      <c r="Z22" s="1139"/>
      <c r="AA22" s="1139"/>
      <c r="AB22" s="1139"/>
      <c r="AC22" s="1139"/>
      <c r="AD22" s="1139"/>
      <c r="AE22" s="1140"/>
      <c r="AF22" s="1100"/>
      <c r="AG22" s="1101"/>
      <c r="AH22" s="1101"/>
      <c r="AI22" s="1101"/>
      <c r="AJ22" s="1102"/>
      <c r="AK22" s="1141"/>
      <c r="AL22" s="1142"/>
      <c r="AM22" s="1142"/>
      <c r="AN22" s="1142"/>
      <c r="AO22" s="1142"/>
      <c r="AP22" s="1142"/>
      <c r="AQ22" s="1142"/>
      <c r="AR22" s="1142"/>
      <c r="AS22" s="1142"/>
      <c r="AT22" s="1142"/>
      <c r="AU22" s="1143"/>
      <c r="AV22" s="1143"/>
      <c r="AW22" s="1143"/>
      <c r="AX22" s="1143"/>
      <c r="AY22" s="1144"/>
      <c r="AZ22" s="1093" t="s">
        <v>387</v>
      </c>
      <c r="BA22" s="1093"/>
      <c r="BB22" s="1093"/>
      <c r="BC22" s="1093"/>
      <c r="BD22" s="1094"/>
      <c r="BE22" s="229"/>
      <c r="BF22" s="229"/>
      <c r="BG22" s="229"/>
      <c r="BH22" s="229"/>
      <c r="BI22" s="229"/>
      <c r="BJ22" s="229"/>
      <c r="BK22" s="229"/>
      <c r="BL22" s="229"/>
      <c r="BM22" s="229"/>
      <c r="BN22" s="229"/>
      <c r="BO22" s="229"/>
      <c r="BP22" s="229"/>
      <c r="BQ22" s="234">
        <v>16</v>
      </c>
      <c r="BR22" s="235"/>
      <c r="BS22" s="1057"/>
      <c r="BT22" s="1058"/>
      <c r="BU22" s="1058"/>
      <c r="BV22" s="1058"/>
      <c r="BW22" s="1058"/>
      <c r="BX22" s="1058"/>
      <c r="BY22" s="1058"/>
      <c r="BZ22" s="1058"/>
      <c r="CA22" s="1058"/>
      <c r="CB22" s="1058"/>
      <c r="CC22" s="1058"/>
      <c r="CD22" s="1058"/>
      <c r="CE22" s="1058"/>
      <c r="CF22" s="1058"/>
      <c r="CG22" s="1079"/>
      <c r="CH22" s="1054"/>
      <c r="CI22" s="1055"/>
      <c r="CJ22" s="1055"/>
      <c r="CK22" s="1055"/>
      <c r="CL22" s="1056"/>
      <c r="CM22" s="1054"/>
      <c r="CN22" s="1055"/>
      <c r="CO22" s="1055"/>
      <c r="CP22" s="1055"/>
      <c r="CQ22" s="1056"/>
      <c r="CR22" s="1054"/>
      <c r="CS22" s="1055"/>
      <c r="CT22" s="1055"/>
      <c r="CU22" s="1055"/>
      <c r="CV22" s="1056"/>
      <c r="CW22" s="1054"/>
      <c r="CX22" s="1055"/>
      <c r="CY22" s="1055"/>
      <c r="CZ22" s="1055"/>
      <c r="DA22" s="1056"/>
      <c r="DB22" s="1054"/>
      <c r="DC22" s="1055"/>
      <c r="DD22" s="1055"/>
      <c r="DE22" s="1055"/>
      <c r="DF22" s="1056"/>
      <c r="DG22" s="1054"/>
      <c r="DH22" s="1055"/>
      <c r="DI22" s="1055"/>
      <c r="DJ22" s="1055"/>
      <c r="DK22" s="1056"/>
      <c r="DL22" s="1054"/>
      <c r="DM22" s="1055"/>
      <c r="DN22" s="1055"/>
      <c r="DO22" s="1055"/>
      <c r="DP22" s="1056"/>
      <c r="DQ22" s="1054"/>
      <c r="DR22" s="1055"/>
      <c r="DS22" s="1055"/>
      <c r="DT22" s="1055"/>
      <c r="DU22" s="1056"/>
      <c r="DV22" s="1057"/>
      <c r="DW22" s="1058"/>
      <c r="DX22" s="1058"/>
      <c r="DY22" s="1058"/>
      <c r="DZ22" s="1059"/>
      <c r="EA22" s="230"/>
    </row>
    <row r="23" spans="1:131" s="231" customFormat="1" ht="26.25" customHeight="1" thickBot="1" x14ac:dyDescent="0.25">
      <c r="A23" s="236" t="s">
        <v>388</v>
      </c>
      <c r="B23" s="1002" t="s">
        <v>389</v>
      </c>
      <c r="C23" s="1003"/>
      <c r="D23" s="1003"/>
      <c r="E23" s="1003"/>
      <c r="F23" s="1003"/>
      <c r="G23" s="1003"/>
      <c r="H23" s="1003"/>
      <c r="I23" s="1003"/>
      <c r="J23" s="1003"/>
      <c r="K23" s="1003"/>
      <c r="L23" s="1003"/>
      <c r="M23" s="1003"/>
      <c r="N23" s="1003"/>
      <c r="O23" s="1003"/>
      <c r="P23" s="1013"/>
      <c r="Q23" s="1132">
        <v>4417</v>
      </c>
      <c r="R23" s="1126"/>
      <c r="S23" s="1126"/>
      <c r="T23" s="1126"/>
      <c r="U23" s="1126"/>
      <c r="V23" s="1126">
        <v>4074</v>
      </c>
      <c r="W23" s="1126"/>
      <c r="X23" s="1126"/>
      <c r="Y23" s="1126"/>
      <c r="Z23" s="1126"/>
      <c r="AA23" s="1126">
        <v>343</v>
      </c>
      <c r="AB23" s="1126"/>
      <c r="AC23" s="1126"/>
      <c r="AD23" s="1126"/>
      <c r="AE23" s="1133"/>
      <c r="AF23" s="1134">
        <v>340</v>
      </c>
      <c r="AG23" s="1126"/>
      <c r="AH23" s="1126"/>
      <c r="AI23" s="1126"/>
      <c r="AJ23" s="1135"/>
      <c r="AK23" s="1136"/>
      <c r="AL23" s="1137"/>
      <c r="AM23" s="1137"/>
      <c r="AN23" s="1137"/>
      <c r="AO23" s="1137"/>
      <c r="AP23" s="1126">
        <v>3464</v>
      </c>
      <c r="AQ23" s="1126"/>
      <c r="AR23" s="1126"/>
      <c r="AS23" s="1126"/>
      <c r="AT23" s="1126"/>
      <c r="AU23" s="1127"/>
      <c r="AV23" s="1127"/>
      <c r="AW23" s="1127"/>
      <c r="AX23" s="1127"/>
      <c r="AY23" s="1128"/>
      <c r="AZ23" s="1129" t="s">
        <v>126</v>
      </c>
      <c r="BA23" s="1130"/>
      <c r="BB23" s="1130"/>
      <c r="BC23" s="1130"/>
      <c r="BD23" s="1131"/>
      <c r="BE23" s="229"/>
      <c r="BF23" s="229"/>
      <c r="BG23" s="229"/>
      <c r="BH23" s="229"/>
      <c r="BI23" s="229"/>
      <c r="BJ23" s="229"/>
      <c r="BK23" s="229"/>
      <c r="BL23" s="229"/>
      <c r="BM23" s="229"/>
      <c r="BN23" s="229"/>
      <c r="BO23" s="229"/>
      <c r="BP23" s="229"/>
      <c r="BQ23" s="234">
        <v>17</v>
      </c>
      <c r="BR23" s="235"/>
      <c r="BS23" s="1057"/>
      <c r="BT23" s="1058"/>
      <c r="BU23" s="1058"/>
      <c r="BV23" s="1058"/>
      <c r="BW23" s="1058"/>
      <c r="BX23" s="1058"/>
      <c r="BY23" s="1058"/>
      <c r="BZ23" s="1058"/>
      <c r="CA23" s="1058"/>
      <c r="CB23" s="1058"/>
      <c r="CC23" s="1058"/>
      <c r="CD23" s="1058"/>
      <c r="CE23" s="1058"/>
      <c r="CF23" s="1058"/>
      <c r="CG23" s="1079"/>
      <c r="CH23" s="1054"/>
      <c r="CI23" s="1055"/>
      <c r="CJ23" s="1055"/>
      <c r="CK23" s="1055"/>
      <c r="CL23" s="1056"/>
      <c r="CM23" s="1054"/>
      <c r="CN23" s="1055"/>
      <c r="CO23" s="1055"/>
      <c r="CP23" s="1055"/>
      <c r="CQ23" s="1056"/>
      <c r="CR23" s="1054"/>
      <c r="CS23" s="1055"/>
      <c r="CT23" s="1055"/>
      <c r="CU23" s="1055"/>
      <c r="CV23" s="1056"/>
      <c r="CW23" s="1054"/>
      <c r="CX23" s="1055"/>
      <c r="CY23" s="1055"/>
      <c r="CZ23" s="1055"/>
      <c r="DA23" s="1056"/>
      <c r="DB23" s="1054"/>
      <c r="DC23" s="1055"/>
      <c r="DD23" s="1055"/>
      <c r="DE23" s="1055"/>
      <c r="DF23" s="1056"/>
      <c r="DG23" s="1054"/>
      <c r="DH23" s="1055"/>
      <c r="DI23" s="1055"/>
      <c r="DJ23" s="1055"/>
      <c r="DK23" s="1056"/>
      <c r="DL23" s="1054"/>
      <c r="DM23" s="1055"/>
      <c r="DN23" s="1055"/>
      <c r="DO23" s="1055"/>
      <c r="DP23" s="1056"/>
      <c r="DQ23" s="1054"/>
      <c r="DR23" s="1055"/>
      <c r="DS23" s="1055"/>
      <c r="DT23" s="1055"/>
      <c r="DU23" s="1056"/>
      <c r="DV23" s="1057"/>
      <c r="DW23" s="1058"/>
      <c r="DX23" s="1058"/>
      <c r="DY23" s="1058"/>
      <c r="DZ23" s="1059"/>
      <c r="EA23" s="230"/>
    </row>
    <row r="24" spans="1:131" s="231" customFormat="1" ht="26.25" customHeight="1" x14ac:dyDescent="0.2">
      <c r="A24" s="1125" t="s">
        <v>390</v>
      </c>
      <c r="B24" s="1125"/>
      <c r="C24" s="1125"/>
      <c r="D24" s="1125"/>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c r="AV24" s="1125"/>
      <c r="AW24" s="1125"/>
      <c r="AX24" s="1125"/>
      <c r="AY24" s="1125"/>
      <c r="AZ24" s="228"/>
      <c r="BA24" s="228"/>
      <c r="BB24" s="228"/>
      <c r="BC24" s="228"/>
      <c r="BD24" s="228"/>
      <c r="BE24" s="229"/>
      <c r="BF24" s="229"/>
      <c r="BG24" s="229"/>
      <c r="BH24" s="229"/>
      <c r="BI24" s="229"/>
      <c r="BJ24" s="229"/>
      <c r="BK24" s="229"/>
      <c r="BL24" s="229"/>
      <c r="BM24" s="229"/>
      <c r="BN24" s="229"/>
      <c r="BO24" s="229"/>
      <c r="BP24" s="229"/>
      <c r="BQ24" s="234">
        <v>18</v>
      </c>
      <c r="BR24" s="235"/>
      <c r="BS24" s="1057"/>
      <c r="BT24" s="1058"/>
      <c r="BU24" s="1058"/>
      <c r="BV24" s="1058"/>
      <c r="BW24" s="1058"/>
      <c r="BX24" s="1058"/>
      <c r="BY24" s="1058"/>
      <c r="BZ24" s="1058"/>
      <c r="CA24" s="1058"/>
      <c r="CB24" s="1058"/>
      <c r="CC24" s="1058"/>
      <c r="CD24" s="1058"/>
      <c r="CE24" s="1058"/>
      <c r="CF24" s="1058"/>
      <c r="CG24" s="1079"/>
      <c r="CH24" s="1054"/>
      <c r="CI24" s="1055"/>
      <c r="CJ24" s="1055"/>
      <c r="CK24" s="1055"/>
      <c r="CL24" s="1056"/>
      <c r="CM24" s="1054"/>
      <c r="CN24" s="1055"/>
      <c r="CO24" s="1055"/>
      <c r="CP24" s="1055"/>
      <c r="CQ24" s="1056"/>
      <c r="CR24" s="1054"/>
      <c r="CS24" s="1055"/>
      <c r="CT24" s="1055"/>
      <c r="CU24" s="1055"/>
      <c r="CV24" s="1056"/>
      <c r="CW24" s="1054"/>
      <c r="CX24" s="1055"/>
      <c r="CY24" s="1055"/>
      <c r="CZ24" s="1055"/>
      <c r="DA24" s="1056"/>
      <c r="DB24" s="1054"/>
      <c r="DC24" s="1055"/>
      <c r="DD24" s="1055"/>
      <c r="DE24" s="1055"/>
      <c r="DF24" s="1056"/>
      <c r="DG24" s="1054"/>
      <c r="DH24" s="1055"/>
      <c r="DI24" s="1055"/>
      <c r="DJ24" s="1055"/>
      <c r="DK24" s="1056"/>
      <c r="DL24" s="1054"/>
      <c r="DM24" s="1055"/>
      <c r="DN24" s="1055"/>
      <c r="DO24" s="1055"/>
      <c r="DP24" s="1056"/>
      <c r="DQ24" s="1054"/>
      <c r="DR24" s="1055"/>
      <c r="DS24" s="1055"/>
      <c r="DT24" s="1055"/>
      <c r="DU24" s="1056"/>
      <c r="DV24" s="1057"/>
      <c r="DW24" s="1058"/>
      <c r="DX24" s="1058"/>
      <c r="DY24" s="1058"/>
      <c r="DZ24" s="1059"/>
      <c r="EA24" s="230"/>
    </row>
    <row r="25" spans="1:131" ht="26.25" customHeight="1" thickBot="1" x14ac:dyDescent="0.25">
      <c r="A25" s="1124" t="s">
        <v>391</v>
      </c>
      <c r="B25" s="1124"/>
      <c r="C25" s="1124"/>
      <c r="D25" s="1124"/>
      <c r="E25" s="1124"/>
      <c r="F25" s="1124"/>
      <c r="G25" s="1124"/>
      <c r="H25" s="1124"/>
      <c r="I25" s="1124"/>
      <c r="J25" s="1124"/>
      <c r="K25" s="1124"/>
      <c r="L25" s="1124"/>
      <c r="M25" s="1124"/>
      <c r="N25" s="1124"/>
      <c r="O25" s="1124"/>
      <c r="P25" s="1124"/>
      <c r="Q25" s="1124"/>
      <c r="R25" s="1124"/>
      <c r="S25" s="1124"/>
      <c r="T25" s="1124"/>
      <c r="U25" s="1124"/>
      <c r="V25" s="1124"/>
      <c r="W25" s="1124"/>
      <c r="X25" s="1124"/>
      <c r="Y25" s="1124"/>
      <c r="Z25" s="1124"/>
      <c r="AA25" s="1124"/>
      <c r="AB25" s="1124"/>
      <c r="AC25" s="1124"/>
      <c r="AD25" s="1124"/>
      <c r="AE25" s="1124"/>
      <c r="AF25" s="1124"/>
      <c r="AG25" s="1124"/>
      <c r="AH25" s="1124"/>
      <c r="AI25" s="1124"/>
      <c r="AJ25" s="1124"/>
      <c r="AK25" s="1124"/>
      <c r="AL25" s="1124"/>
      <c r="AM25" s="1124"/>
      <c r="AN25" s="1124"/>
      <c r="AO25" s="1124"/>
      <c r="AP25" s="1124"/>
      <c r="AQ25" s="1124"/>
      <c r="AR25" s="1124"/>
      <c r="AS25" s="1124"/>
      <c r="AT25" s="1124"/>
      <c r="AU25" s="1124"/>
      <c r="AV25" s="1124"/>
      <c r="AW25" s="1124"/>
      <c r="AX25" s="1124"/>
      <c r="AY25" s="1124"/>
      <c r="AZ25" s="1124"/>
      <c r="BA25" s="1124"/>
      <c r="BB25" s="1124"/>
      <c r="BC25" s="1124"/>
      <c r="BD25" s="1124"/>
      <c r="BE25" s="1124"/>
      <c r="BF25" s="1124"/>
      <c r="BG25" s="1124"/>
      <c r="BH25" s="1124"/>
      <c r="BI25" s="1124"/>
      <c r="BJ25" s="228"/>
      <c r="BK25" s="228"/>
      <c r="BL25" s="228"/>
      <c r="BM25" s="228"/>
      <c r="BN25" s="228"/>
      <c r="BO25" s="237"/>
      <c r="BP25" s="237"/>
      <c r="BQ25" s="234">
        <v>19</v>
      </c>
      <c r="BR25" s="235"/>
      <c r="BS25" s="1057"/>
      <c r="BT25" s="1058"/>
      <c r="BU25" s="1058"/>
      <c r="BV25" s="1058"/>
      <c r="BW25" s="1058"/>
      <c r="BX25" s="1058"/>
      <c r="BY25" s="1058"/>
      <c r="BZ25" s="1058"/>
      <c r="CA25" s="1058"/>
      <c r="CB25" s="1058"/>
      <c r="CC25" s="1058"/>
      <c r="CD25" s="1058"/>
      <c r="CE25" s="1058"/>
      <c r="CF25" s="1058"/>
      <c r="CG25" s="1079"/>
      <c r="CH25" s="1054"/>
      <c r="CI25" s="1055"/>
      <c r="CJ25" s="1055"/>
      <c r="CK25" s="1055"/>
      <c r="CL25" s="1056"/>
      <c r="CM25" s="1054"/>
      <c r="CN25" s="1055"/>
      <c r="CO25" s="1055"/>
      <c r="CP25" s="1055"/>
      <c r="CQ25" s="1056"/>
      <c r="CR25" s="1054"/>
      <c r="CS25" s="1055"/>
      <c r="CT25" s="1055"/>
      <c r="CU25" s="1055"/>
      <c r="CV25" s="1056"/>
      <c r="CW25" s="1054"/>
      <c r="CX25" s="1055"/>
      <c r="CY25" s="1055"/>
      <c r="CZ25" s="1055"/>
      <c r="DA25" s="1056"/>
      <c r="DB25" s="1054"/>
      <c r="DC25" s="1055"/>
      <c r="DD25" s="1055"/>
      <c r="DE25" s="1055"/>
      <c r="DF25" s="1056"/>
      <c r="DG25" s="1054"/>
      <c r="DH25" s="1055"/>
      <c r="DI25" s="1055"/>
      <c r="DJ25" s="1055"/>
      <c r="DK25" s="1056"/>
      <c r="DL25" s="1054"/>
      <c r="DM25" s="1055"/>
      <c r="DN25" s="1055"/>
      <c r="DO25" s="1055"/>
      <c r="DP25" s="1056"/>
      <c r="DQ25" s="1054"/>
      <c r="DR25" s="1055"/>
      <c r="DS25" s="1055"/>
      <c r="DT25" s="1055"/>
      <c r="DU25" s="1056"/>
      <c r="DV25" s="1057"/>
      <c r="DW25" s="1058"/>
      <c r="DX25" s="1058"/>
      <c r="DY25" s="1058"/>
      <c r="DZ25" s="1059"/>
      <c r="EA25" s="226"/>
    </row>
    <row r="26" spans="1:131" ht="26.25" customHeight="1" x14ac:dyDescent="0.2">
      <c r="A26" s="1060" t="s">
        <v>368</v>
      </c>
      <c r="B26" s="1061"/>
      <c r="C26" s="1061"/>
      <c r="D26" s="1061"/>
      <c r="E26" s="1061"/>
      <c r="F26" s="1061"/>
      <c r="G26" s="1061"/>
      <c r="H26" s="1061"/>
      <c r="I26" s="1061"/>
      <c r="J26" s="1061"/>
      <c r="K26" s="1061"/>
      <c r="L26" s="1061"/>
      <c r="M26" s="1061"/>
      <c r="N26" s="1061"/>
      <c r="O26" s="1061"/>
      <c r="P26" s="1062"/>
      <c r="Q26" s="1066" t="s">
        <v>392</v>
      </c>
      <c r="R26" s="1067"/>
      <c r="S26" s="1067"/>
      <c r="T26" s="1067"/>
      <c r="U26" s="1068"/>
      <c r="V26" s="1066" t="s">
        <v>393</v>
      </c>
      <c r="W26" s="1067"/>
      <c r="X26" s="1067"/>
      <c r="Y26" s="1067"/>
      <c r="Z26" s="1068"/>
      <c r="AA26" s="1066" t="s">
        <v>394</v>
      </c>
      <c r="AB26" s="1067"/>
      <c r="AC26" s="1067"/>
      <c r="AD26" s="1067"/>
      <c r="AE26" s="1067"/>
      <c r="AF26" s="1120" t="s">
        <v>395</v>
      </c>
      <c r="AG26" s="1073"/>
      <c r="AH26" s="1073"/>
      <c r="AI26" s="1073"/>
      <c r="AJ26" s="1121"/>
      <c r="AK26" s="1067" t="s">
        <v>396</v>
      </c>
      <c r="AL26" s="1067"/>
      <c r="AM26" s="1067"/>
      <c r="AN26" s="1067"/>
      <c r="AO26" s="1068"/>
      <c r="AP26" s="1066" t="s">
        <v>397</v>
      </c>
      <c r="AQ26" s="1067"/>
      <c r="AR26" s="1067"/>
      <c r="AS26" s="1067"/>
      <c r="AT26" s="1068"/>
      <c r="AU26" s="1066" t="s">
        <v>398</v>
      </c>
      <c r="AV26" s="1067"/>
      <c r="AW26" s="1067"/>
      <c r="AX26" s="1067"/>
      <c r="AY26" s="1068"/>
      <c r="AZ26" s="1066" t="s">
        <v>399</v>
      </c>
      <c r="BA26" s="1067"/>
      <c r="BB26" s="1067"/>
      <c r="BC26" s="1067"/>
      <c r="BD26" s="1068"/>
      <c r="BE26" s="1066" t="s">
        <v>375</v>
      </c>
      <c r="BF26" s="1067"/>
      <c r="BG26" s="1067"/>
      <c r="BH26" s="1067"/>
      <c r="BI26" s="1080"/>
      <c r="BJ26" s="228"/>
      <c r="BK26" s="228"/>
      <c r="BL26" s="228"/>
      <c r="BM26" s="228"/>
      <c r="BN26" s="228"/>
      <c r="BO26" s="237"/>
      <c r="BP26" s="237"/>
      <c r="BQ26" s="234">
        <v>20</v>
      </c>
      <c r="BR26" s="235"/>
      <c r="BS26" s="1057"/>
      <c r="BT26" s="1058"/>
      <c r="BU26" s="1058"/>
      <c r="BV26" s="1058"/>
      <c r="BW26" s="1058"/>
      <c r="BX26" s="1058"/>
      <c r="BY26" s="1058"/>
      <c r="BZ26" s="1058"/>
      <c r="CA26" s="1058"/>
      <c r="CB26" s="1058"/>
      <c r="CC26" s="1058"/>
      <c r="CD26" s="1058"/>
      <c r="CE26" s="1058"/>
      <c r="CF26" s="1058"/>
      <c r="CG26" s="1079"/>
      <c r="CH26" s="1054"/>
      <c r="CI26" s="1055"/>
      <c r="CJ26" s="1055"/>
      <c r="CK26" s="1055"/>
      <c r="CL26" s="1056"/>
      <c r="CM26" s="1054"/>
      <c r="CN26" s="1055"/>
      <c r="CO26" s="1055"/>
      <c r="CP26" s="1055"/>
      <c r="CQ26" s="1056"/>
      <c r="CR26" s="1054"/>
      <c r="CS26" s="1055"/>
      <c r="CT26" s="1055"/>
      <c r="CU26" s="1055"/>
      <c r="CV26" s="1056"/>
      <c r="CW26" s="1054"/>
      <c r="CX26" s="1055"/>
      <c r="CY26" s="1055"/>
      <c r="CZ26" s="1055"/>
      <c r="DA26" s="1056"/>
      <c r="DB26" s="1054"/>
      <c r="DC26" s="1055"/>
      <c r="DD26" s="1055"/>
      <c r="DE26" s="1055"/>
      <c r="DF26" s="1056"/>
      <c r="DG26" s="1054"/>
      <c r="DH26" s="1055"/>
      <c r="DI26" s="1055"/>
      <c r="DJ26" s="1055"/>
      <c r="DK26" s="1056"/>
      <c r="DL26" s="1054"/>
      <c r="DM26" s="1055"/>
      <c r="DN26" s="1055"/>
      <c r="DO26" s="1055"/>
      <c r="DP26" s="1056"/>
      <c r="DQ26" s="1054"/>
      <c r="DR26" s="1055"/>
      <c r="DS26" s="1055"/>
      <c r="DT26" s="1055"/>
      <c r="DU26" s="1056"/>
      <c r="DV26" s="1057"/>
      <c r="DW26" s="1058"/>
      <c r="DX26" s="1058"/>
      <c r="DY26" s="1058"/>
      <c r="DZ26" s="1059"/>
      <c r="EA26" s="226"/>
    </row>
    <row r="27" spans="1:131" ht="26.25" customHeight="1" thickBot="1" x14ac:dyDescent="0.25">
      <c r="A27" s="1063"/>
      <c r="B27" s="1064"/>
      <c r="C27" s="1064"/>
      <c r="D27" s="1064"/>
      <c r="E27" s="1064"/>
      <c r="F27" s="1064"/>
      <c r="G27" s="1064"/>
      <c r="H27" s="1064"/>
      <c r="I27" s="1064"/>
      <c r="J27" s="1064"/>
      <c r="K27" s="1064"/>
      <c r="L27" s="1064"/>
      <c r="M27" s="1064"/>
      <c r="N27" s="1064"/>
      <c r="O27" s="1064"/>
      <c r="P27" s="1065"/>
      <c r="Q27" s="1069"/>
      <c r="R27" s="1070"/>
      <c r="S27" s="1070"/>
      <c r="T27" s="1070"/>
      <c r="U27" s="1071"/>
      <c r="V27" s="1069"/>
      <c r="W27" s="1070"/>
      <c r="X27" s="1070"/>
      <c r="Y27" s="1070"/>
      <c r="Z27" s="1071"/>
      <c r="AA27" s="1069"/>
      <c r="AB27" s="1070"/>
      <c r="AC27" s="1070"/>
      <c r="AD27" s="1070"/>
      <c r="AE27" s="1070"/>
      <c r="AF27" s="1122"/>
      <c r="AG27" s="1076"/>
      <c r="AH27" s="1076"/>
      <c r="AI27" s="1076"/>
      <c r="AJ27" s="1123"/>
      <c r="AK27" s="1070"/>
      <c r="AL27" s="1070"/>
      <c r="AM27" s="1070"/>
      <c r="AN27" s="1070"/>
      <c r="AO27" s="1071"/>
      <c r="AP27" s="1069"/>
      <c r="AQ27" s="1070"/>
      <c r="AR27" s="1070"/>
      <c r="AS27" s="1070"/>
      <c r="AT27" s="1071"/>
      <c r="AU27" s="1069"/>
      <c r="AV27" s="1070"/>
      <c r="AW27" s="1070"/>
      <c r="AX27" s="1070"/>
      <c r="AY27" s="1071"/>
      <c r="AZ27" s="1069"/>
      <c r="BA27" s="1070"/>
      <c r="BB27" s="1070"/>
      <c r="BC27" s="1070"/>
      <c r="BD27" s="1071"/>
      <c r="BE27" s="1069"/>
      <c r="BF27" s="1070"/>
      <c r="BG27" s="1070"/>
      <c r="BH27" s="1070"/>
      <c r="BI27" s="1081"/>
      <c r="BJ27" s="228"/>
      <c r="BK27" s="228"/>
      <c r="BL27" s="228"/>
      <c r="BM27" s="228"/>
      <c r="BN27" s="228"/>
      <c r="BO27" s="237"/>
      <c r="BP27" s="237"/>
      <c r="BQ27" s="234">
        <v>21</v>
      </c>
      <c r="BR27" s="235"/>
      <c r="BS27" s="1057"/>
      <c r="BT27" s="1058"/>
      <c r="BU27" s="1058"/>
      <c r="BV27" s="1058"/>
      <c r="BW27" s="1058"/>
      <c r="BX27" s="1058"/>
      <c r="BY27" s="1058"/>
      <c r="BZ27" s="1058"/>
      <c r="CA27" s="1058"/>
      <c r="CB27" s="1058"/>
      <c r="CC27" s="1058"/>
      <c r="CD27" s="1058"/>
      <c r="CE27" s="1058"/>
      <c r="CF27" s="1058"/>
      <c r="CG27" s="1079"/>
      <c r="CH27" s="1054"/>
      <c r="CI27" s="1055"/>
      <c r="CJ27" s="1055"/>
      <c r="CK27" s="1055"/>
      <c r="CL27" s="1056"/>
      <c r="CM27" s="1054"/>
      <c r="CN27" s="1055"/>
      <c r="CO27" s="1055"/>
      <c r="CP27" s="1055"/>
      <c r="CQ27" s="1056"/>
      <c r="CR27" s="1054"/>
      <c r="CS27" s="1055"/>
      <c r="CT27" s="1055"/>
      <c r="CU27" s="1055"/>
      <c r="CV27" s="1056"/>
      <c r="CW27" s="1054"/>
      <c r="CX27" s="1055"/>
      <c r="CY27" s="1055"/>
      <c r="CZ27" s="1055"/>
      <c r="DA27" s="1056"/>
      <c r="DB27" s="1054"/>
      <c r="DC27" s="1055"/>
      <c r="DD27" s="1055"/>
      <c r="DE27" s="1055"/>
      <c r="DF27" s="1056"/>
      <c r="DG27" s="1054"/>
      <c r="DH27" s="1055"/>
      <c r="DI27" s="1055"/>
      <c r="DJ27" s="1055"/>
      <c r="DK27" s="1056"/>
      <c r="DL27" s="1054"/>
      <c r="DM27" s="1055"/>
      <c r="DN27" s="1055"/>
      <c r="DO27" s="1055"/>
      <c r="DP27" s="1056"/>
      <c r="DQ27" s="1054"/>
      <c r="DR27" s="1055"/>
      <c r="DS27" s="1055"/>
      <c r="DT27" s="1055"/>
      <c r="DU27" s="1056"/>
      <c r="DV27" s="1057"/>
      <c r="DW27" s="1058"/>
      <c r="DX27" s="1058"/>
      <c r="DY27" s="1058"/>
      <c r="DZ27" s="1059"/>
      <c r="EA27" s="226"/>
    </row>
    <row r="28" spans="1:131" ht="26.25" customHeight="1" thickTop="1" x14ac:dyDescent="0.2">
      <c r="A28" s="238">
        <v>1</v>
      </c>
      <c r="B28" s="1112" t="s">
        <v>400</v>
      </c>
      <c r="C28" s="1113"/>
      <c r="D28" s="1113"/>
      <c r="E28" s="1113"/>
      <c r="F28" s="1113"/>
      <c r="G28" s="1113"/>
      <c r="H28" s="1113"/>
      <c r="I28" s="1113"/>
      <c r="J28" s="1113"/>
      <c r="K28" s="1113"/>
      <c r="L28" s="1113"/>
      <c r="M28" s="1113"/>
      <c r="N28" s="1113"/>
      <c r="O28" s="1113"/>
      <c r="P28" s="1114"/>
      <c r="Q28" s="1115">
        <v>1144</v>
      </c>
      <c r="R28" s="1116"/>
      <c r="S28" s="1116"/>
      <c r="T28" s="1116"/>
      <c r="U28" s="1116"/>
      <c r="V28" s="1116">
        <v>1084</v>
      </c>
      <c r="W28" s="1116"/>
      <c r="X28" s="1116"/>
      <c r="Y28" s="1116"/>
      <c r="Z28" s="1116"/>
      <c r="AA28" s="1116">
        <v>60</v>
      </c>
      <c r="AB28" s="1116"/>
      <c r="AC28" s="1116"/>
      <c r="AD28" s="1116"/>
      <c r="AE28" s="1117"/>
      <c r="AF28" s="1118">
        <v>60</v>
      </c>
      <c r="AG28" s="1116"/>
      <c r="AH28" s="1116"/>
      <c r="AI28" s="1116"/>
      <c r="AJ28" s="1119"/>
      <c r="AK28" s="1107">
        <v>87</v>
      </c>
      <c r="AL28" s="1108"/>
      <c r="AM28" s="1108"/>
      <c r="AN28" s="1108"/>
      <c r="AO28" s="1108"/>
      <c r="AP28" s="1108" t="s">
        <v>595</v>
      </c>
      <c r="AQ28" s="1108"/>
      <c r="AR28" s="1108"/>
      <c r="AS28" s="1108"/>
      <c r="AT28" s="1108"/>
      <c r="AU28" s="1108" t="s">
        <v>595</v>
      </c>
      <c r="AV28" s="1108"/>
      <c r="AW28" s="1108"/>
      <c r="AX28" s="1108"/>
      <c r="AY28" s="1108"/>
      <c r="AZ28" s="1109" t="s">
        <v>595</v>
      </c>
      <c r="BA28" s="1109"/>
      <c r="BB28" s="1109"/>
      <c r="BC28" s="1109"/>
      <c r="BD28" s="1109"/>
      <c r="BE28" s="1110"/>
      <c r="BF28" s="1110"/>
      <c r="BG28" s="1110"/>
      <c r="BH28" s="1110"/>
      <c r="BI28" s="1111"/>
      <c r="BJ28" s="228"/>
      <c r="BK28" s="228"/>
      <c r="BL28" s="228"/>
      <c r="BM28" s="228"/>
      <c r="BN28" s="228"/>
      <c r="BO28" s="237"/>
      <c r="BP28" s="237"/>
      <c r="BQ28" s="234">
        <v>22</v>
      </c>
      <c r="BR28" s="235"/>
      <c r="BS28" s="1057"/>
      <c r="BT28" s="1058"/>
      <c r="BU28" s="1058"/>
      <c r="BV28" s="1058"/>
      <c r="BW28" s="1058"/>
      <c r="BX28" s="1058"/>
      <c r="BY28" s="1058"/>
      <c r="BZ28" s="1058"/>
      <c r="CA28" s="1058"/>
      <c r="CB28" s="1058"/>
      <c r="CC28" s="1058"/>
      <c r="CD28" s="1058"/>
      <c r="CE28" s="1058"/>
      <c r="CF28" s="1058"/>
      <c r="CG28" s="1079"/>
      <c r="CH28" s="1054"/>
      <c r="CI28" s="1055"/>
      <c r="CJ28" s="1055"/>
      <c r="CK28" s="1055"/>
      <c r="CL28" s="1056"/>
      <c r="CM28" s="1054"/>
      <c r="CN28" s="1055"/>
      <c r="CO28" s="1055"/>
      <c r="CP28" s="1055"/>
      <c r="CQ28" s="1056"/>
      <c r="CR28" s="1054"/>
      <c r="CS28" s="1055"/>
      <c r="CT28" s="1055"/>
      <c r="CU28" s="1055"/>
      <c r="CV28" s="1056"/>
      <c r="CW28" s="1054"/>
      <c r="CX28" s="1055"/>
      <c r="CY28" s="1055"/>
      <c r="CZ28" s="1055"/>
      <c r="DA28" s="1056"/>
      <c r="DB28" s="1054"/>
      <c r="DC28" s="1055"/>
      <c r="DD28" s="1055"/>
      <c r="DE28" s="1055"/>
      <c r="DF28" s="1056"/>
      <c r="DG28" s="1054"/>
      <c r="DH28" s="1055"/>
      <c r="DI28" s="1055"/>
      <c r="DJ28" s="1055"/>
      <c r="DK28" s="1056"/>
      <c r="DL28" s="1054"/>
      <c r="DM28" s="1055"/>
      <c r="DN28" s="1055"/>
      <c r="DO28" s="1055"/>
      <c r="DP28" s="1056"/>
      <c r="DQ28" s="1054"/>
      <c r="DR28" s="1055"/>
      <c r="DS28" s="1055"/>
      <c r="DT28" s="1055"/>
      <c r="DU28" s="1056"/>
      <c r="DV28" s="1057"/>
      <c r="DW28" s="1058"/>
      <c r="DX28" s="1058"/>
      <c r="DY28" s="1058"/>
      <c r="DZ28" s="1059"/>
      <c r="EA28" s="226"/>
    </row>
    <row r="29" spans="1:131" ht="26.25" customHeight="1" x14ac:dyDescent="0.2">
      <c r="A29" s="238">
        <v>2</v>
      </c>
      <c r="B29" s="1095" t="s">
        <v>401</v>
      </c>
      <c r="C29" s="1096"/>
      <c r="D29" s="1096"/>
      <c r="E29" s="1096"/>
      <c r="F29" s="1096"/>
      <c r="G29" s="1096"/>
      <c r="H29" s="1096"/>
      <c r="I29" s="1096"/>
      <c r="J29" s="1096"/>
      <c r="K29" s="1096"/>
      <c r="L29" s="1096"/>
      <c r="M29" s="1096"/>
      <c r="N29" s="1096"/>
      <c r="O29" s="1096"/>
      <c r="P29" s="1097"/>
      <c r="Q29" s="1103">
        <v>95</v>
      </c>
      <c r="R29" s="1104"/>
      <c r="S29" s="1104"/>
      <c r="T29" s="1104"/>
      <c r="U29" s="1104"/>
      <c r="V29" s="1104">
        <v>94</v>
      </c>
      <c r="W29" s="1104"/>
      <c r="X29" s="1104"/>
      <c r="Y29" s="1104"/>
      <c r="Z29" s="1104"/>
      <c r="AA29" s="1104">
        <v>1</v>
      </c>
      <c r="AB29" s="1104"/>
      <c r="AC29" s="1104"/>
      <c r="AD29" s="1104"/>
      <c r="AE29" s="1105"/>
      <c r="AF29" s="1100">
        <v>1</v>
      </c>
      <c r="AG29" s="1101"/>
      <c r="AH29" s="1101"/>
      <c r="AI29" s="1101"/>
      <c r="AJ29" s="1102"/>
      <c r="AK29" s="1045">
        <v>73</v>
      </c>
      <c r="AL29" s="1036"/>
      <c r="AM29" s="1036"/>
      <c r="AN29" s="1036"/>
      <c r="AO29" s="1036"/>
      <c r="AP29" s="1036">
        <v>175</v>
      </c>
      <c r="AQ29" s="1036"/>
      <c r="AR29" s="1036"/>
      <c r="AS29" s="1036"/>
      <c r="AT29" s="1036"/>
      <c r="AU29" s="1036">
        <v>175</v>
      </c>
      <c r="AV29" s="1036"/>
      <c r="AW29" s="1036"/>
      <c r="AX29" s="1036"/>
      <c r="AY29" s="1036"/>
      <c r="AZ29" s="1106" t="s">
        <v>595</v>
      </c>
      <c r="BA29" s="1106"/>
      <c r="BB29" s="1106"/>
      <c r="BC29" s="1106"/>
      <c r="BD29" s="1106"/>
      <c r="BE29" s="1037"/>
      <c r="BF29" s="1037"/>
      <c r="BG29" s="1037"/>
      <c r="BH29" s="1037"/>
      <c r="BI29" s="1038"/>
      <c r="BJ29" s="228"/>
      <c r="BK29" s="228"/>
      <c r="BL29" s="228"/>
      <c r="BM29" s="228"/>
      <c r="BN29" s="228"/>
      <c r="BO29" s="237"/>
      <c r="BP29" s="237"/>
      <c r="BQ29" s="234">
        <v>23</v>
      </c>
      <c r="BR29" s="235"/>
      <c r="BS29" s="1057"/>
      <c r="BT29" s="1058"/>
      <c r="BU29" s="1058"/>
      <c r="BV29" s="1058"/>
      <c r="BW29" s="1058"/>
      <c r="BX29" s="1058"/>
      <c r="BY29" s="1058"/>
      <c r="BZ29" s="1058"/>
      <c r="CA29" s="1058"/>
      <c r="CB29" s="1058"/>
      <c r="CC29" s="1058"/>
      <c r="CD29" s="1058"/>
      <c r="CE29" s="1058"/>
      <c r="CF29" s="1058"/>
      <c r="CG29" s="1079"/>
      <c r="CH29" s="1054"/>
      <c r="CI29" s="1055"/>
      <c r="CJ29" s="1055"/>
      <c r="CK29" s="1055"/>
      <c r="CL29" s="1056"/>
      <c r="CM29" s="1054"/>
      <c r="CN29" s="1055"/>
      <c r="CO29" s="1055"/>
      <c r="CP29" s="1055"/>
      <c r="CQ29" s="1056"/>
      <c r="CR29" s="1054"/>
      <c r="CS29" s="1055"/>
      <c r="CT29" s="1055"/>
      <c r="CU29" s="1055"/>
      <c r="CV29" s="1056"/>
      <c r="CW29" s="1054"/>
      <c r="CX29" s="1055"/>
      <c r="CY29" s="1055"/>
      <c r="CZ29" s="1055"/>
      <c r="DA29" s="1056"/>
      <c r="DB29" s="1054"/>
      <c r="DC29" s="1055"/>
      <c r="DD29" s="1055"/>
      <c r="DE29" s="1055"/>
      <c r="DF29" s="1056"/>
      <c r="DG29" s="1054"/>
      <c r="DH29" s="1055"/>
      <c r="DI29" s="1055"/>
      <c r="DJ29" s="1055"/>
      <c r="DK29" s="1056"/>
      <c r="DL29" s="1054"/>
      <c r="DM29" s="1055"/>
      <c r="DN29" s="1055"/>
      <c r="DO29" s="1055"/>
      <c r="DP29" s="1056"/>
      <c r="DQ29" s="1054"/>
      <c r="DR29" s="1055"/>
      <c r="DS29" s="1055"/>
      <c r="DT29" s="1055"/>
      <c r="DU29" s="1056"/>
      <c r="DV29" s="1057"/>
      <c r="DW29" s="1058"/>
      <c r="DX29" s="1058"/>
      <c r="DY29" s="1058"/>
      <c r="DZ29" s="1059"/>
      <c r="EA29" s="226"/>
    </row>
    <row r="30" spans="1:131" ht="26.25" customHeight="1" x14ac:dyDescent="0.2">
      <c r="A30" s="238">
        <v>3</v>
      </c>
      <c r="B30" s="1095" t="s">
        <v>402</v>
      </c>
      <c r="C30" s="1096"/>
      <c r="D30" s="1096"/>
      <c r="E30" s="1096"/>
      <c r="F30" s="1096"/>
      <c r="G30" s="1096"/>
      <c r="H30" s="1096"/>
      <c r="I30" s="1096"/>
      <c r="J30" s="1096"/>
      <c r="K30" s="1096"/>
      <c r="L30" s="1096"/>
      <c r="M30" s="1096"/>
      <c r="N30" s="1096"/>
      <c r="O30" s="1096"/>
      <c r="P30" s="1097"/>
      <c r="Q30" s="1103">
        <v>989</v>
      </c>
      <c r="R30" s="1104"/>
      <c r="S30" s="1104"/>
      <c r="T30" s="1104"/>
      <c r="U30" s="1104"/>
      <c r="V30" s="1104">
        <v>940</v>
      </c>
      <c r="W30" s="1104"/>
      <c r="X30" s="1104"/>
      <c r="Y30" s="1104"/>
      <c r="Z30" s="1104"/>
      <c r="AA30" s="1104">
        <v>49</v>
      </c>
      <c r="AB30" s="1104"/>
      <c r="AC30" s="1104"/>
      <c r="AD30" s="1104"/>
      <c r="AE30" s="1105"/>
      <c r="AF30" s="1100">
        <v>49</v>
      </c>
      <c r="AG30" s="1101"/>
      <c r="AH30" s="1101"/>
      <c r="AI30" s="1101"/>
      <c r="AJ30" s="1102"/>
      <c r="AK30" s="1045">
        <v>150</v>
      </c>
      <c r="AL30" s="1036"/>
      <c r="AM30" s="1036"/>
      <c r="AN30" s="1036"/>
      <c r="AO30" s="1036"/>
      <c r="AP30" s="1036" t="s">
        <v>595</v>
      </c>
      <c r="AQ30" s="1036"/>
      <c r="AR30" s="1036"/>
      <c r="AS30" s="1036"/>
      <c r="AT30" s="1036"/>
      <c r="AU30" s="1036" t="s">
        <v>595</v>
      </c>
      <c r="AV30" s="1036"/>
      <c r="AW30" s="1036"/>
      <c r="AX30" s="1036"/>
      <c r="AY30" s="1036"/>
      <c r="AZ30" s="1106" t="s">
        <v>595</v>
      </c>
      <c r="BA30" s="1106"/>
      <c r="BB30" s="1106"/>
      <c r="BC30" s="1106"/>
      <c r="BD30" s="1106"/>
      <c r="BE30" s="1037"/>
      <c r="BF30" s="1037"/>
      <c r="BG30" s="1037"/>
      <c r="BH30" s="1037"/>
      <c r="BI30" s="1038"/>
      <c r="BJ30" s="228"/>
      <c r="BK30" s="228"/>
      <c r="BL30" s="228"/>
      <c r="BM30" s="228"/>
      <c r="BN30" s="228"/>
      <c r="BO30" s="237"/>
      <c r="BP30" s="237"/>
      <c r="BQ30" s="234">
        <v>24</v>
      </c>
      <c r="BR30" s="235"/>
      <c r="BS30" s="1057"/>
      <c r="BT30" s="1058"/>
      <c r="BU30" s="1058"/>
      <c r="BV30" s="1058"/>
      <c r="BW30" s="1058"/>
      <c r="BX30" s="1058"/>
      <c r="BY30" s="1058"/>
      <c r="BZ30" s="1058"/>
      <c r="CA30" s="1058"/>
      <c r="CB30" s="1058"/>
      <c r="CC30" s="1058"/>
      <c r="CD30" s="1058"/>
      <c r="CE30" s="1058"/>
      <c r="CF30" s="1058"/>
      <c r="CG30" s="1079"/>
      <c r="CH30" s="1054"/>
      <c r="CI30" s="1055"/>
      <c r="CJ30" s="1055"/>
      <c r="CK30" s="1055"/>
      <c r="CL30" s="1056"/>
      <c r="CM30" s="1054"/>
      <c r="CN30" s="1055"/>
      <c r="CO30" s="1055"/>
      <c r="CP30" s="1055"/>
      <c r="CQ30" s="1056"/>
      <c r="CR30" s="1054"/>
      <c r="CS30" s="1055"/>
      <c r="CT30" s="1055"/>
      <c r="CU30" s="1055"/>
      <c r="CV30" s="1056"/>
      <c r="CW30" s="1054"/>
      <c r="CX30" s="1055"/>
      <c r="CY30" s="1055"/>
      <c r="CZ30" s="1055"/>
      <c r="DA30" s="1056"/>
      <c r="DB30" s="1054"/>
      <c r="DC30" s="1055"/>
      <c r="DD30" s="1055"/>
      <c r="DE30" s="1055"/>
      <c r="DF30" s="1056"/>
      <c r="DG30" s="1054"/>
      <c r="DH30" s="1055"/>
      <c r="DI30" s="1055"/>
      <c r="DJ30" s="1055"/>
      <c r="DK30" s="1056"/>
      <c r="DL30" s="1054"/>
      <c r="DM30" s="1055"/>
      <c r="DN30" s="1055"/>
      <c r="DO30" s="1055"/>
      <c r="DP30" s="1056"/>
      <c r="DQ30" s="1054"/>
      <c r="DR30" s="1055"/>
      <c r="DS30" s="1055"/>
      <c r="DT30" s="1055"/>
      <c r="DU30" s="1056"/>
      <c r="DV30" s="1057"/>
      <c r="DW30" s="1058"/>
      <c r="DX30" s="1058"/>
      <c r="DY30" s="1058"/>
      <c r="DZ30" s="1059"/>
      <c r="EA30" s="226"/>
    </row>
    <row r="31" spans="1:131" ht="26.25" customHeight="1" x14ac:dyDescent="0.2">
      <c r="A31" s="238">
        <v>4</v>
      </c>
      <c r="B31" s="1095" t="s">
        <v>403</v>
      </c>
      <c r="C31" s="1096"/>
      <c r="D31" s="1096"/>
      <c r="E31" s="1096"/>
      <c r="F31" s="1096"/>
      <c r="G31" s="1096"/>
      <c r="H31" s="1096"/>
      <c r="I31" s="1096"/>
      <c r="J31" s="1096"/>
      <c r="K31" s="1096"/>
      <c r="L31" s="1096"/>
      <c r="M31" s="1096"/>
      <c r="N31" s="1096"/>
      <c r="O31" s="1096"/>
      <c r="P31" s="1097"/>
      <c r="Q31" s="1103">
        <v>5</v>
      </c>
      <c r="R31" s="1104"/>
      <c r="S31" s="1104"/>
      <c r="T31" s="1104"/>
      <c r="U31" s="1104"/>
      <c r="V31" s="1104">
        <v>3</v>
      </c>
      <c r="W31" s="1104"/>
      <c r="X31" s="1104"/>
      <c r="Y31" s="1104"/>
      <c r="Z31" s="1104"/>
      <c r="AA31" s="1104">
        <v>2</v>
      </c>
      <c r="AB31" s="1104"/>
      <c r="AC31" s="1104"/>
      <c r="AD31" s="1104"/>
      <c r="AE31" s="1105"/>
      <c r="AF31" s="1100">
        <v>2</v>
      </c>
      <c r="AG31" s="1101"/>
      <c r="AH31" s="1101"/>
      <c r="AI31" s="1101"/>
      <c r="AJ31" s="1102"/>
      <c r="AK31" s="1045" t="s">
        <v>595</v>
      </c>
      <c r="AL31" s="1036"/>
      <c r="AM31" s="1036"/>
      <c r="AN31" s="1036"/>
      <c r="AO31" s="1036"/>
      <c r="AP31" s="1036" t="s">
        <v>595</v>
      </c>
      <c r="AQ31" s="1036"/>
      <c r="AR31" s="1036"/>
      <c r="AS31" s="1036"/>
      <c r="AT31" s="1036"/>
      <c r="AU31" s="1036" t="s">
        <v>595</v>
      </c>
      <c r="AV31" s="1036"/>
      <c r="AW31" s="1036"/>
      <c r="AX31" s="1036"/>
      <c r="AY31" s="1036"/>
      <c r="AZ31" s="1106" t="s">
        <v>595</v>
      </c>
      <c r="BA31" s="1106"/>
      <c r="BB31" s="1106"/>
      <c r="BC31" s="1106"/>
      <c r="BD31" s="1106"/>
      <c r="BE31" s="1037"/>
      <c r="BF31" s="1037"/>
      <c r="BG31" s="1037"/>
      <c r="BH31" s="1037"/>
      <c r="BI31" s="1038"/>
      <c r="BJ31" s="228"/>
      <c r="BK31" s="228"/>
      <c r="BL31" s="228"/>
      <c r="BM31" s="228"/>
      <c r="BN31" s="228"/>
      <c r="BO31" s="237"/>
      <c r="BP31" s="237"/>
      <c r="BQ31" s="234">
        <v>25</v>
      </c>
      <c r="BR31" s="235"/>
      <c r="BS31" s="1057"/>
      <c r="BT31" s="1058"/>
      <c r="BU31" s="1058"/>
      <c r="BV31" s="1058"/>
      <c r="BW31" s="1058"/>
      <c r="BX31" s="1058"/>
      <c r="BY31" s="1058"/>
      <c r="BZ31" s="1058"/>
      <c r="CA31" s="1058"/>
      <c r="CB31" s="1058"/>
      <c r="CC31" s="1058"/>
      <c r="CD31" s="1058"/>
      <c r="CE31" s="1058"/>
      <c r="CF31" s="1058"/>
      <c r="CG31" s="1079"/>
      <c r="CH31" s="1054"/>
      <c r="CI31" s="1055"/>
      <c r="CJ31" s="1055"/>
      <c r="CK31" s="1055"/>
      <c r="CL31" s="1056"/>
      <c r="CM31" s="1054"/>
      <c r="CN31" s="1055"/>
      <c r="CO31" s="1055"/>
      <c r="CP31" s="1055"/>
      <c r="CQ31" s="1056"/>
      <c r="CR31" s="1054"/>
      <c r="CS31" s="1055"/>
      <c r="CT31" s="1055"/>
      <c r="CU31" s="1055"/>
      <c r="CV31" s="1056"/>
      <c r="CW31" s="1054"/>
      <c r="CX31" s="1055"/>
      <c r="CY31" s="1055"/>
      <c r="CZ31" s="1055"/>
      <c r="DA31" s="1056"/>
      <c r="DB31" s="1054"/>
      <c r="DC31" s="1055"/>
      <c r="DD31" s="1055"/>
      <c r="DE31" s="1055"/>
      <c r="DF31" s="1056"/>
      <c r="DG31" s="1054"/>
      <c r="DH31" s="1055"/>
      <c r="DI31" s="1055"/>
      <c r="DJ31" s="1055"/>
      <c r="DK31" s="1056"/>
      <c r="DL31" s="1054"/>
      <c r="DM31" s="1055"/>
      <c r="DN31" s="1055"/>
      <c r="DO31" s="1055"/>
      <c r="DP31" s="1056"/>
      <c r="DQ31" s="1054"/>
      <c r="DR31" s="1055"/>
      <c r="DS31" s="1055"/>
      <c r="DT31" s="1055"/>
      <c r="DU31" s="1056"/>
      <c r="DV31" s="1057"/>
      <c r="DW31" s="1058"/>
      <c r="DX31" s="1058"/>
      <c r="DY31" s="1058"/>
      <c r="DZ31" s="1059"/>
      <c r="EA31" s="226"/>
    </row>
    <row r="32" spans="1:131" ht="26.25" customHeight="1" x14ac:dyDescent="0.2">
      <c r="A32" s="238">
        <v>5</v>
      </c>
      <c r="B32" s="1095" t="s">
        <v>404</v>
      </c>
      <c r="C32" s="1096"/>
      <c r="D32" s="1096"/>
      <c r="E32" s="1096"/>
      <c r="F32" s="1096"/>
      <c r="G32" s="1096"/>
      <c r="H32" s="1096"/>
      <c r="I32" s="1096"/>
      <c r="J32" s="1096"/>
      <c r="K32" s="1096"/>
      <c r="L32" s="1096"/>
      <c r="M32" s="1096"/>
      <c r="N32" s="1096"/>
      <c r="O32" s="1096"/>
      <c r="P32" s="1097"/>
      <c r="Q32" s="1103">
        <v>138</v>
      </c>
      <c r="R32" s="1104"/>
      <c r="S32" s="1104"/>
      <c r="T32" s="1104"/>
      <c r="U32" s="1104"/>
      <c r="V32" s="1104">
        <v>134</v>
      </c>
      <c r="W32" s="1104"/>
      <c r="X32" s="1104"/>
      <c r="Y32" s="1104"/>
      <c r="Z32" s="1104"/>
      <c r="AA32" s="1104">
        <v>3</v>
      </c>
      <c r="AB32" s="1104"/>
      <c r="AC32" s="1104"/>
      <c r="AD32" s="1104"/>
      <c r="AE32" s="1105"/>
      <c r="AF32" s="1100">
        <v>3</v>
      </c>
      <c r="AG32" s="1101"/>
      <c r="AH32" s="1101"/>
      <c r="AI32" s="1101"/>
      <c r="AJ32" s="1102"/>
      <c r="AK32" s="1045">
        <v>28</v>
      </c>
      <c r="AL32" s="1036"/>
      <c r="AM32" s="1036"/>
      <c r="AN32" s="1036"/>
      <c r="AO32" s="1036"/>
      <c r="AP32" s="1036" t="s">
        <v>595</v>
      </c>
      <c r="AQ32" s="1036"/>
      <c r="AR32" s="1036"/>
      <c r="AS32" s="1036"/>
      <c r="AT32" s="1036"/>
      <c r="AU32" s="1036" t="s">
        <v>595</v>
      </c>
      <c r="AV32" s="1036"/>
      <c r="AW32" s="1036"/>
      <c r="AX32" s="1036"/>
      <c r="AY32" s="1036"/>
      <c r="AZ32" s="1106" t="s">
        <v>595</v>
      </c>
      <c r="BA32" s="1106"/>
      <c r="BB32" s="1106"/>
      <c r="BC32" s="1106"/>
      <c r="BD32" s="1106"/>
      <c r="BE32" s="1037"/>
      <c r="BF32" s="1037"/>
      <c r="BG32" s="1037"/>
      <c r="BH32" s="1037"/>
      <c r="BI32" s="1038"/>
      <c r="BJ32" s="228"/>
      <c r="BK32" s="228"/>
      <c r="BL32" s="228"/>
      <c r="BM32" s="228"/>
      <c r="BN32" s="228"/>
      <c r="BO32" s="237"/>
      <c r="BP32" s="237"/>
      <c r="BQ32" s="234">
        <v>26</v>
      </c>
      <c r="BR32" s="235"/>
      <c r="BS32" s="1057"/>
      <c r="BT32" s="1058"/>
      <c r="BU32" s="1058"/>
      <c r="BV32" s="1058"/>
      <c r="BW32" s="1058"/>
      <c r="BX32" s="1058"/>
      <c r="BY32" s="1058"/>
      <c r="BZ32" s="1058"/>
      <c r="CA32" s="1058"/>
      <c r="CB32" s="1058"/>
      <c r="CC32" s="1058"/>
      <c r="CD32" s="1058"/>
      <c r="CE32" s="1058"/>
      <c r="CF32" s="1058"/>
      <c r="CG32" s="1079"/>
      <c r="CH32" s="1054"/>
      <c r="CI32" s="1055"/>
      <c r="CJ32" s="1055"/>
      <c r="CK32" s="1055"/>
      <c r="CL32" s="1056"/>
      <c r="CM32" s="1054"/>
      <c r="CN32" s="1055"/>
      <c r="CO32" s="1055"/>
      <c r="CP32" s="1055"/>
      <c r="CQ32" s="1056"/>
      <c r="CR32" s="1054"/>
      <c r="CS32" s="1055"/>
      <c r="CT32" s="1055"/>
      <c r="CU32" s="1055"/>
      <c r="CV32" s="1056"/>
      <c r="CW32" s="1054"/>
      <c r="CX32" s="1055"/>
      <c r="CY32" s="1055"/>
      <c r="CZ32" s="1055"/>
      <c r="DA32" s="1056"/>
      <c r="DB32" s="1054"/>
      <c r="DC32" s="1055"/>
      <c r="DD32" s="1055"/>
      <c r="DE32" s="1055"/>
      <c r="DF32" s="1056"/>
      <c r="DG32" s="1054"/>
      <c r="DH32" s="1055"/>
      <c r="DI32" s="1055"/>
      <c r="DJ32" s="1055"/>
      <c r="DK32" s="1056"/>
      <c r="DL32" s="1054"/>
      <c r="DM32" s="1055"/>
      <c r="DN32" s="1055"/>
      <c r="DO32" s="1055"/>
      <c r="DP32" s="1056"/>
      <c r="DQ32" s="1054"/>
      <c r="DR32" s="1055"/>
      <c r="DS32" s="1055"/>
      <c r="DT32" s="1055"/>
      <c r="DU32" s="1056"/>
      <c r="DV32" s="1057"/>
      <c r="DW32" s="1058"/>
      <c r="DX32" s="1058"/>
      <c r="DY32" s="1058"/>
      <c r="DZ32" s="1059"/>
      <c r="EA32" s="226"/>
    </row>
    <row r="33" spans="1:131" ht="26.25" customHeight="1" x14ac:dyDescent="0.2">
      <c r="A33" s="238">
        <v>6</v>
      </c>
      <c r="B33" s="1095" t="s">
        <v>405</v>
      </c>
      <c r="C33" s="1096"/>
      <c r="D33" s="1096"/>
      <c r="E33" s="1096"/>
      <c r="F33" s="1096"/>
      <c r="G33" s="1096"/>
      <c r="H33" s="1096"/>
      <c r="I33" s="1096"/>
      <c r="J33" s="1096"/>
      <c r="K33" s="1096"/>
      <c r="L33" s="1096"/>
      <c r="M33" s="1096"/>
      <c r="N33" s="1096"/>
      <c r="O33" s="1096"/>
      <c r="P33" s="1097"/>
      <c r="Q33" s="1103">
        <v>209</v>
      </c>
      <c r="R33" s="1104"/>
      <c r="S33" s="1104"/>
      <c r="T33" s="1104"/>
      <c r="U33" s="1104"/>
      <c r="V33" s="1104">
        <v>195</v>
      </c>
      <c r="W33" s="1104"/>
      <c r="X33" s="1104"/>
      <c r="Y33" s="1104"/>
      <c r="Z33" s="1104"/>
      <c r="AA33" s="1104">
        <v>14</v>
      </c>
      <c r="AB33" s="1104"/>
      <c r="AC33" s="1104"/>
      <c r="AD33" s="1104"/>
      <c r="AE33" s="1105"/>
      <c r="AF33" s="1100">
        <v>33</v>
      </c>
      <c r="AG33" s="1101"/>
      <c r="AH33" s="1101"/>
      <c r="AI33" s="1101"/>
      <c r="AJ33" s="1102"/>
      <c r="AK33" s="1045">
        <v>26</v>
      </c>
      <c r="AL33" s="1036"/>
      <c r="AM33" s="1036"/>
      <c r="AN33" s="1036"/>
      <c r="AO33" s="1036"/>
      <c r="AP33" s="1036">
        <v>654</v>
      </c>
      <c r="AQ33" s="1036"/>
      <c r="AR33" s="1036"/>
      <c r="AS33" s="1036"/>
      <c r="AT33" s="1036"/>
      <c r="AU33" s="1036" t="s">
        <v>595</v>
      </c>
      <c r="AV33" s="1036"/>
      <c r="AW33" s="1036"/>
      <c r="AX33" s="1036"/>
      <c r="AY33" s="1036"/>
      <c r="AZ33" s="1106" t="s">
        <v>595</v>
      </c>
      <c r="BA33" s="1106"/>
      <c r="BB33" s="1106"/>
      <c r="BC33" s="1106"/>
      <c r="BD33" s="1106"/>
      <c r="BE33" s="1037" t="s">
        <v>406</v>
      </c>
      <c r="BF33" s="1037"/>
      <c r="BG33" s="1037"/>
      <c r="BH33" s="1037"/>
      <c r="BI33" s="1038"/>
      <c r="BJ33" s="228"/>
      <c r="BK33" s="228"/>
      <c r="BL33" s="228"/>
      <c r="BM33" s="228"/>
      <c r="BN33" s="228"/>
      <c r="BO33" s="237"/>
      <c r="BP33" s="237"/>
      <c r="BQ33" s="234">
        <v>27</v>
      </c>
      <c r="BR33" s="235"/>
      <c r="BS33" s="1057"/>
      <c r="BT33" s="1058"/>
      <c r="BU33" s="1058"/>
      <c r="BV33" s="1058"/>
      <c r="BW33" s="1058"/>
      <c r="BX33" s="1058"/>
      <c r="BY33" s="1058"/>
      <c r="BZ33" s="1058"/>
      <c r="CA33" s="1058"/>
      <c r="CB33" s="1058"/>
      <c r="CC33" s="1058"/>
      <c r="CD33" s="1058"/>
      <c r="CE33" s="1058"/>
      <c r="CF33" s="1058"/>
      <c r="CG33" s="1079"/>
      <c r="CH33" s="1054"/>
      <c r="CI33" s="1055"/>
      <c r="CJ33" s="1055"/>
      <c r="CK33" s="1055"/>
      <c r="CL33" s="1056"/>
      <c r="CM33" s="1054"/>
      <c r="CN33" s="1055"/>
      <c r="CO33" s="1055"/>
      <c r="CP33" s="1055"/>
      <c r="CQ33" s="1056"/>
      <c r="CR33" s="1054"/>
      <c r="CS33" s="1055"/>
      <c r="CT33" s="1055"/>
      <c r="CU33" s="1055"/>
      <c r="CV33" s="1056"/>
      <c r="CW33" s="1054"/>
      <c r="CX33" s="1055"/>
      <c r="CY33" s="1055"/>
      <c r="CZ33" s="1055"/>
      <c r="DA33" s="1056"/>
      <c r="DB33" s="1054"/>
      <c r="DC33" s="1055"/>
      <c r="DD33" s="1055"/>
      <c r="DE33" s="1055"/>
      <c r="DF33" s="1056"/>
      <c r="DG33" s="1054"/>
      <c r="DH33" s="1055"/>
      <c r="DI33" s="1055"/>
      <c r="DJ33" s="1055"/>
      <c r="DK33" s="1056"/>
      <c r="DL33" s="1054"/>
      <c r="DM33" s="1055"/>
      <c r="DN33" s="1055"/>
      <c r="DO33" s="1055"/>
      <c r="DP33" s="1056"/>
      <c r="DQ33" s="1054"/>
      <c r="DR33" s="1055"/>
      <c r="DS33" s="1055"/>
      <c r="DT33" s="1055"/>
      <c r="DU33" s="1056"/>
      <c r="DV33" s="1057"/>
      <c r="DW33" s="1058"/>
      <c r="DX33" s="1058"/>
      <c r="DY33" s="1058"/>
      <c r="DZ33" s="1059"/>
      <c r="EA33" s="226"/>
    </row>
    <row r="34" spans="1:131" ht="26.25" customHeight="1" x14ac:dyDescent="0.2">
      <c r="A34" s="238">
        <v>7</v>
      </c>
      <c r="B34" s="1095" t="s">
        <v>407</v>
      </c>
      <c r="C34" s="1096"/>
      <c r="D34" s="1096"/>
      <c r="E34" s="1096"/>
      <c r="F34" s="1096"/>
      <c r="G34" s="1096"/>
      <c r="H34" s="1096"/>
      <c r="I34" s="1096"/>
      <c r="J34" s="1096"/>
      <c r="K34" s="1096"/>
      <c r="L34" s="1096"/>
      <c r="M34" s="1096"/>
      <c r="N34" s="1096"/>
      <c r="O34" s="1096"/>
      <c r="P34" s="1097"/>
      <c r="Q34" s="1103">
        <v>222</v>
      </c>
      <c r="R34" s="1104"/>
      <c r="S34" s="1104"/>
      <c r="T34" s="1104"/>
      <c r="U34" s="1104"/>
      <c r="V34" s="1104">
        <v>219</v>
      </c>
      <c r="W34" s="1104"/>
      <c r="X34" s="1104"/>
      <c r="Y34" s="1104"/>
      <c r="Z34" s="1104"/>
      <c r="AA34" s="1104">
        <v>3</v>
      </c>
      <c r="AB34" s="1104"/>
      <c r="AC34" s="1104"/>
      <c r="AD34" s="1104"/>
      <c r="AE34" s="1105"/>
      <c r="AF34" s="1100">
        <v>2</v>
      </c>
      <c r="AG34" s="1101"/>
      <c r="AH34" s="1101"/>
      <c r="AI34" s="1101"/>
      <c r="AJ34" s="1102"/>
      <c r="AK34" s="1045">
        <v>89</v>
      </c>
      <c r="AL34" s="1036"/>
      <c r="AM34" s="1036"/>
      <c r="AN34" s="1036"/>
      <c r="AO34" s="1036"/>
      <c r="AP34" s="1036">
        <v>1543</v>
      </c>
      <c r="AQ34" s="1036"/>
      <c r="AR34" s="1036"/>
      <c r="AS34" s="1036"/>
      <c r="AT34" s="1036"/>
      <c r="AU34" s="1036">
        <v>1466</v>
      </c>
      <c r="AV34" s="1036"/>
      <c r="AW34" s="1036"/>
      <c r="AX34" s="1036"/>
      <c r="AY34" s="1036"/>
      <c r="AZ34" s="1106" t="s">
        <v>595</v>
      </c>
      <c r="BA34" s="1106"/>
      <c r="BB34" s="1106"/>
      <c r="BC34" s="1106"/>
      <c r="BD34" s="1106"/>
      <c r="BE34" s="1037" t="s">
        <v>408</v>
      </c>
      <c r="BF34" s="1037"/>
      <c r="BG34" s="1037"/>
      <c r="BH34" s="1037"/>
      <c r="BI34" s="1038"/>
      <c r="BJ34" s="228"/>
      <c r="BK34" s="228"/>
      <c r="BL34" s="228"/>
      <c r="BM34" s="228"/>
      <c r="BN34" s="228"/>
      <c r="BO34" s="237"/>
      <c r="BP34" s="237"/>
      <c r="BQ34" s="234">
        <v>28</v>
      </c>
      <c r="BR34" s="235"/>
      <c r="BS34" s="1057"/>
      <c r="BT34" s="1058"/>
      <c r="BU34" s="1058"/>
      <c r="BV34" s="1058"/>
      <c r="BW34" s="1058"/>
      <c r="BX34" s="1058"/>
      <c r="BY34" s="1058"/>
      <c r="BZ34" s="1058"/>
      <c r="CA34" s="1058"/>
      <c r="CB34" s="1058"/>
      <c r="CC34" s="1058"/>
      <c r="CD34" s="1058"/>
      <c r="CE34" s="1058"/>
      <c r="CF34" s="1058"/>
      <c r="CG34" s="1079"/>
      <c r="CH34" s="1054"/>
      <c r="CI34" s="1055"/>
      <c r="CJ34" s="1055"/>
      <c r="CK34" s="1055"/>
      <c r="CL34" s="1056"/>
      <c r="CM34" s="1054"/>
      <c r="CN34" s="1055"/>
      <c r="CO34" s="1055"/>
      <c r="CP34" s="1055"/>
      <c r="CQ34" s="1056"/>
      <c r="CR34" s="1054"/>
      <c r="CS34" s="1055"/>
      <c r="CT34" s="1055"/>
      <c r="CU34" s="1055"/>
      <c r="CV34" s="1056"/>
      <c r="CW34" s="1054"/>
      <c r="CX34" s="1055"/>
      <c r="CY34" s="1055"/>
      <c r="CZ34" s="1055"/>
      <c r="DA34" s="1056"/>
      <c r="DB34" s="1054"/>
      <c r="DC34" s="1055"/>
      <c r="DD34" s="1055"/>
      <c r="DE34" s="1055"/>
      <c r="DF34" s="1056"/>
      <c r="DG34" s="1054"/>
      <c r="DH34" s="1055"/>
      <c r="DI34" s="1055"/>
      <c r="DJ34" s="1055"/>
      <c r="DK34" s="1056"/>
      <c r="DL34" s="1054"/>
      <c r="DM34" s="1055"/>
      <c r="DN34" s="1055"/>
      <c r="DO34" s="1055"/>
      <c r="DP34" s="1056"/>
      <c r="DQ34" s="1054"/>
      <c r="DR34" s="1055"/>
      <c r="DS34" s="1055"/>
      <c r="DT34" s="1055"/>
      <c r="DU34" s="1056"/>
      <c r="DV34" s="1057"/>
      <c r="DW34" s="1058"/>
      <c r="DX34" s="1058"/>
      <c r="DY34" s="1058"/>
      <c r="DZ34" s="1059"/>
      <c r="EA34" s="226"/>
    </row>
    <row r="35" spans="1:131" ht="26.25" customHeight="1" x14ac:dyDescent="0.2">
      <c r="A35" s="238">
        <v>8</v>
      </c>
      <c r="B35" s="1095"/>
      <c r="C35" s="1096"/>
      <c r="D35" s="1096"/>
      <c r="E35" s="1096"/>
      <c r="F35" s="1096"/>
      <c r="G35" s="1096"/>
      <c r="H35" s="1096"/>
      <c r="I35" s="1096"/>
      <c r="J35" s="1096"/>
      <c r="K35" s="1096"/>
      <c r="L35" s="1096"/>
      <c r="M35" s="1096"/>
      <c r="N35" s="1096"/>
      <c r="O35" s="1096"/>
      <c r="P35" s="1097"/>
      <c r="Q35" s="1103"/>
      <c r="R35" s="1104"/>
      <c r="S35" s="1104"/>
      <c r="T35" s="1104"/>
      <c r="U35" s="1104"/>
      <c r="V35" s="1104"/>
      <c r="W35" s="1104"/>
      <c r="X35" s="1104"/>
      <c r="Y35" s="1104"/>
      <c r="Z35" s="1104"/>
      <c r="AA35" s="1104"/>
      <c r="AB35" s="1104"/>
      <c r="AC35" s="1104"/>
      <c r="AD35" s="1104"/>
      <c r="AE35" s="1105"/>
      <c r="AF35" s="1100"/>
      <c r="AG35" s="1101"/>
      <c r="AH35" s="1101"/>
      <c r="AI35" s="1101"/>
      <c r="AJ35" s="1102"/>
      <c r="AK35" s="1045"/>
      <c r="AL35" s="1036"/>
      <c r="AM35" s="1036"/>
      <c r="AN35" s="1036"/>
      <c r="AO35" s="1036"/>
      <c r="AP35" s="1036"/>
      <c r="AQ35" s="1036"/>
      <c r="AR35" s="1036"/>
      <c r="AS35" s="1036"/>
      <c r="AT35" s="1036"/>
      <c r="AU35" s="1036"/>
      <c r="AV35" s="1036"/>
      <c r="AW35" s="1036"/>
      <c r="AX35" s="1036"/>
      <c r="AY35" s="1036"/>
      <c r="AZ35" s="1106"/>
      <c r="BA35" s="1106"/>
      <c r="BB35" s="1106"/>
      <c r="BC35" s="1106"/>
      <c r="BD35" s="1106"/>
      <c r="BE35" s="1037"/>
      <c r="BF35" s="1037"/>
      <c r="BG35" s="1037"/>
      <c r="BH35" s="1037"/>
      <c r="BI35" s="1038"/>
      <c r="BJ35" s="228"/>
      <c r="BK35" s="228"/>
      <c r="BL35" s="228"/>
      <c r="BM35" s="228"/>
      <c r="BN35" s="228"/>
      <c r="BO35" s="237"/>
      <c r="BP35" s="237"/>
      <c r="BQ35" s="234">
        <v>29</v>
      </c>
      <c r="BR35" s="235"/>
      <c r="BS35" s="1057"/>
      <c r="BT35" s="1058"/>
      <c r="BU35" s="1058"/>
      <c r="BV35" s="1058"/>
      <c r="BW35" s="1058"/>
      <c r="BX35" s="1058"/>
      <c r="BY35" s="1058"/>
      <c r="BZ35" s="1058"/>
      <c r="CA35" s="1058"/>
      <c r="CB35" s="1058"/>
      <c r="CC35" s="1058"/>
      <c r="CD35" s="1058"/>
      <c r="CE35" s="1058"/>
      <c r="CF35" s="1058"/>
      <c r="CG35" s="1079"/>
      <c r="CH35" s="1054"/>
      <c r="CI35" s="1055"/>
      <c r="CJ35" s="1055"/>
      <c r="CK35" s="1055"/>
      <c r="CL35" s="1056"/>
      <c r="CM35" s="1054"/>
      <c r="CN35" s="1055"/>
      <c r="CO35" s="1055"/>
      <c r="CP35" s="1055"/>
      <c r="CQ35" s="1056"/>
      <c r="CR35" s="1054"/>
      <c r="CS35" s="1055"/>
      <c r="CT35" s="1055"/>
      <c r="CU35" s="1055"/>
      <c r="CV35" s="1056"/>
      <c r="CW35" s="1054"/>
      <c r="CX35" s="1055"/>
      <c r="CY35" s="1055"/>
      <c r="CZ35" s="1055"/>
      <c r="DA35" s="1056"/>
      <c r="DB35" s="1054"/>
      <c r="DC35" s="1055"/>
      <c r="DD35" s="1055"/>
      <c r="DE35" s="1055"/>
      <c r="DF35" s="1056"/>
      <c r="DG35" s="1054"/>
      <c r="DH35" s="1055"/>
      <c r="DI35" s="1055"/>
      <c r="DJ35" s="1055"/>
      <c r="DK35" s="1056"/>
      <c r="DL35" s="1054"/>
      <c r="DM35" s="1055"/>
      <c r="DN35" s="1055"/>
      <c r="DO35" s="1055"/>
      <c r="DP35" s="1056"/>
      <c r="DQ35" s="1054"/>
      <c r="DR35" s="1055"/>
      <c r="DS35" s="1055"/>
      <c r="DT35" s="1055"/>
      <c r="DU35" s="1056"/>
      <c r="DV35" s="1057"/>
      <c r="DW35" s="1058"/>
      <c r="DX35" s="1058"/>
      <c r="DY35" s="1058"/>
      <c r="DZ35" s="1059"/>
      <c r="EA35" s="226"/>
    </row>
    <row r="36" spans="1:131" ht="26.25" customHeight="1" x14ac:dyDescent="0.2">
      <c r="A36" s="238">
        <v>9</v>
      </c>
      <c r="B36" s="1095"/>
      <c r="C36" s="1096"/>
      <c r="D36" s="1096"/>
      <c r="E36" s="1096"/>
      <c r="F36" s="1096"/>
      <c r="G36" s="1096"/>
      <c r="H36" s="1096"/>
      <c r="I36" s="1096"/>
      <c r="J36" s="1096"/>
      <c r="K36" s="1096"/>
      <c r="L36" s="1096"/>
      <c r="M36" s="1096"/>
      <c r="N36" s="1096"/>
      <c r="O36" s="1096"/>
      <c r="P36" s="1097"/>
      <c r="Q36" s="1103"/>
      <c r="R36" s="1104"/>
      <c r="S36" s="1104"/>
      <c r="T36" s="1104"/>
      <c r="U36" s="1104"/>
      <c r="V36" s="1104"/>
      <c r="W36" s="1104"/>
      <c r="X36" s="1104"/>
      <c r="Y36" s="1104"/>
      <c r="Z36" s="1104"/>
      <c r="AA36" s="1104"/>
      <c r="AB36" s="1104"/>
      <c r="AC36" s="1104"/>
      <c r="AD36" s="1104"/>
      <c r="AE36" s="1105"/>
      <c r="AF36" s="1100"/>
      <c r="AG36" s="1101"/>
      <c r="AH36" s="1101"/>
      <c r="AI36" s="1101"/>
      <c r="AJ36" s="1102"/>
      <c r="AK36" s="1045"/>
      <c r="AL36" s="1036"/>
      <c r="AM36" s="1036"/>
      <c r="AN36" s="1036"/>
      <c r="AO36" s="1036"/>
      <c r="AP36" s="1036"/>
      <c r="AQ36" s="1036"/>
      <c r="AR36" s="1036"/>
      <c r="AS36" s="1036"/>
      <c r="AT36" s="1036"/>
      <c r="AU36" s="1036"/>
      <c r="AV36" s="1036"/>
      <c r="AW36" s="1036"/>
      <c r="AX36" s="1036"/>
      <c r="AY36" s="1036"/>
      <c r="AZ36" s="1106"/>
      <c r="BA36" s="1106"/>
      <c r="BB36" s="1106"/>
      <c r="BC36" s="1106"/>
      <c r="BD36" s="1106"/>
      <c r="BE36" s="1037"/>
      <c r="BF36" s="1037"/>
      <c r="BG36" s="1037"/>
      <c r="BH36" s="1037"/>
      <c r="BI36" s="1038"/>
      <c r="BJ36" s="228"/>
      <c r="BK36" s="228"/>
      <c r="BL36" s="228"/>
      <c r="BM36" s="228"/>
      <c r="BN36" s="228"/>
      <c r="BO36" s="237"/>
      <c r="BP36" s="237"/>
      <c r="BQ36" s="234">
        <v>30</v>
      </c>
      <c r="BR36" s="235"/>
      <c r="BS36" s="1057"/>
      <c r="BT36" s="1058"/>
      <c r="BU36" s="1058"/>
      <c r="BV36" s="1058"/>
      <c r="BW36" s="1058"/>
      <c r="BX36" s="1058"/>
      <c r="BY36" s="1058"/>
      <c r="BZ36" s="1058"/>
      <c r="CA36" s="1058"/>
      <c r="CB36" s="1058"/>
      <c r="CC36" s="1058"/>
      <c r="CD36" s="1058"/>
      <c r="CE36" s="1058"/>
      <c r="CF36" s="1058"/>
      <c r="CG36" s="1079"/>
      <c r="CH36" s="1054"/>
      <c r="CI36" s="1055"/>
      <c r="CJ36" s="1055"/>
      <c r="CK36" s="1055"/>
      <c r="CL36" s="1056"/>
      <c r="CM36" s="1054"/>
      <c r="CN36" s="1055"/>
      <c r="CO36" s="1055"/>
      <c r="CP36" s="1055"/>
      <c r="CQ36" s="1056"/>
      <c r="CR36" s="1054"/>
      <c r="CS36" s="1055"/>
      <c r="CT36" s="1055"/>
      <c r="CU36" s="1055"/>
      <c r="CV36" s="1056"/>
      <c r="CW36" s="1054"/>
      <c r="CX36" s="1055"/>
      <c r="CY36" s="1055"/>
      <c r="CZ36" s="1055"/>
      <c r="DA36" s="1056"/>
      <c r="DB36" s="1054"/>
      <c r="DC36" s="1055"/>
      <c r="DD36" s="1055"/>
      <c r="DE36" s="1055"/>
      <c r="DF36" s="1056"/>
      <c r="DG36" s="1054"/>
      <c r="DH36" s="1055"/>
      <c r="DI36" s="1055"/>
      <c r="DJ36" s="1055"/>
      <c r="DK36" s="1056"/>
      <c r="DL36" s="1054"/>
      <c r="DM36" s="1055"/>
      <c r="DN36" s="1055"/>
      <c r="DO36" s="1055"/>
      <c r="DP36" s="1056"/>
      <c r="DQ36" s="1054"/>
      <c r="DR36" s="1055"/>
      <c r="DS36" s="1055"/>
      <c r="DT36" s="1055"/>
      <c r="DU36" s="1056"/>
      <c r="DV36" s="1057"/>
      <c r="DW36" s="1058"/>
      <c r="DX36" s="1058"/>
      <c r="DY36" s="1058"/>
      <c r="DZ36" s="1059"/>
      <c r="EA36" s="226"/>
    </row>
    <row r="37" spans="1:131" ht="26.25" customHeight="1" x14ac:dyDescent="0.2">
      <c r="A37" s="238">
        <v>10</v>
      </c>
      <c r="B37" s="1095"/>
      <c r="C37" s="1096"/>
      <c r="D37" s="1096"/>
      <c r="E37" s="1096"/>
      <c r="F37" s="1096"/>
      <c r="G37" s="1096"/>
      <c r="H37" s="1096"/>
      <c r="I37" s="1096"/>
      <c r="J37" s="1096"/>
      <c r="K37" s="1096"/>
      <c r="L37" s="1096"/>
      <c r="M37" s="1096"/>
      <c r="N37" s="1096"/>
      <c r="O37" s="1096"/>
      <c r="P37" s="1097"/>
      <c r="Q37" s="1103"/>
      <c r="R37" s="1104"/>
      <c r="S37" s="1104"/>
      <c r="T37" s="1104"/>
      <c r="U37" s="1104"/>
      <c r="V37" s="1104"/>
      <c r="W37" s="1104"/>
      <c r="X37" s="1104"/>
      <c r="Y37" s="1104"/>
      <c r="Z37" s="1104"/>
      <c r="AA37" s="1104"/>
      <c r="AB37" s="1104"/>
      <c r="AC37" s="1104"/>
      <c r="AD37" s="1104"/>
      <c r="AE37" s="1105"/>
      <c r="AF37" s="1100"/>
      <c r="AG37" s="1101"/>
      <c r="AH37" s="1101"/>
      <c r="AI37" s="1101"/>
      <c r="AJ37" s="1102"/>
      <c r="AK37" s="1045"/>
      <c r="AL37" s="1036"/>
      <c r="AM37" s="1036"/>
      <c r="AN37" s="1036"/>
      <c r="AO37" s="1036"/>
      <c r="AP37" s="1036"/>
      <c r="AQ37" s="1036"/>
      <c r="AR37" s="1036"/>
      <c r="AS37" s="1036"/>
      <c r="AT37" s="1036"/>
      <c r="AU37" s="1036"/>
      <c r="AV37" s="1036"/>
      <c r="AW37" s="1036"/>
      <c r="AX37" s="1036"/>
      <c r="AY37" s="1036"/>
      <c r="AZ37" s="1106"/>
      <c r="BA37" s="1106"/>
      <c r="BB37" s="1106"/>
      <c r="BC37" s="1106"/>
      <c r="BD37" s="1106"/>
      <c r="BE37" s="1037"/>
      <c r="BF37" s="1037"/>
      <c r="BG37" s="1037"/>
      <c r="BH37" s="1037"/>
      <c r="BI37" s="1038"/>
      <c r="BJ37" s="228"/>
      <c r="BK37" s="228"/>
      <c r="BL37" s="228"/>
      <c r="BM37" s="228"/>
      <c r="BN37" s="228"/>
      <c r="BO37" s="237"/>
      <c r="BP37" s="237"/>
      <c r="BQ37" s="234">
        <v>31</v>
      </c>
      <c r="BR37" s="235"/>
      <c r="BS37" s="1057"/>
      <c r="BT37" s="1058"/>
      <c r="BU37" s="1058"/>
      <c r="BV37" s="1058"/>
      <c r="BW37" s="1058"/>
      <c r="BX37" s="1058"/>
      <c r="BY37" s="1058"/>
      <c r="BZ37" s="1058"/>
      <c r="CA37" s="1058"/>
      <c r="CB37" s="1058"/>
      <c r="CC37" s="1058"/>
      <c r="CD37" s="1058"/>
      <c r="CE37" s="1058"/>
      <c r="CF37" s="1058"/>
      <c r="CG37" s="1079"/>
      <c r="CH37" s="1054"/>
      <c r="CI37" s="1055"/>
      <c r="CJ37" s="1055"/>
      <c r="CK37" s="1055"/>
      <c r="CL37" s="1056"/>
      <c r="CM37" s="1054"/>
      <c r="CN37" s="1055"/>
      <c r="CO37" s="1055"/>
      <c r="CP37" s="1055"/>
      <c r="CQ37" s="1056"/>
      <c r="CR37" s="1054"/>
      <c r="CS37" s="1055"/>
      <c r="CT37" s="1055"/>
      <c r="CU37" s="1055"/>
      <c r="CV37" s="1056"/>
      <c r="CW37" s="1054"/>
      <c r="CX37" s="1055"/>
      <c r="CY37" s="1055"/>
      <c r="CZ37" s="1055"/>
      <c r="DA37" s="1056"/>
      <c r="DB37" s="1054"/>
      <c r="DC37" s="1055"/>
      <c r="DD37" s="1055"/>
      <c r="DE37" s="1055"/>
      <c r="DF37" s="1056"/>
      <c r="DG37" s="1054"/>
      <c r="DH37" s="1055"/>
      <c r="DI37" s="1055"/>
      <c r="DJ37" s="1055"/>
      <c r="DK37" s="1056"/>
      <c r="DL37" s="1054"/>
      <c r="DM37" s="1055"/>
      <c r="DN37" s="1055"/>
      <c r="DO37" s="1055"/>
      <c r="DP37" s="1056"/>
      <c r="DQ37" s="1054"/>
      <c r="DR37" s="1055"/>
      <c r="DS37" s="1055"/>
      <c r="DT37" s="1055"/>
      <c r="DU37" s="1056"/>
      <c r="DV37" s="1057"/>
      <c r="DW37" s="1058"/>
      <c r="DX37" s="1058"/>
      <c r="DY37" s="1058"/>
      <c r="DZ37" s="1059"/>
      <c r="EA37" s="226"/>
    </row>
    <row r="38" spans="1:131" ht="26.25" customHeight="1" x14ac:dyDescent="0.2">
      <c r="A38" s="238">
        <v>11</v>
      </c>
      <c r="B38" s="1095"/>
      <c r="C38" s="1096"/>
      <c r="D38" s="1096"/>
      <c r="E38" s="1096"/>
      <c r="F38" s="1096"/>
      <c r="G38" s="1096"/>
      <c r="H38" s="1096"/>
      <c r="I38" s="1096"/>
      <c r="J38" s="1096"/>
      <c r="K38" s="1096"/>
      <c r="L38" s="1096"/>
      <c r="M38" s="1096"/>
      <c r="N38" s="1096"/>
      <c r="O38" s="1096"/>
      <c r="P38" s="1097"/>
      <c r="Q38" s="1103"/>
      <c r="R38" s="1104"/>
      <c r="S38" s="1104"/>
      <c r="T38" s="1104"/>
      <c r="U38" s="1104"/>
      <c r="V38" s="1104"/>
      <c r="W38" s="1104"/>
      <c r="X38" s="1104"/>
      <c r="Y38" s="1104"/>
      <c r="Z38" s="1104"/>
      <c r="AA38" s="1104"/>
      <c r="AB38" s="1104"/>
      <c r="AC38" s="1104"/>
      <c r="AD38" s="1104"/>
      <c r="AE38" s="1105"/>
      <c r="AF38" s="1100"/>
      <c r="AG38" s="1101"/>
      <c r="AH38" s="1101"/>
      <c r="AI38" s="1101"/>
      <c r="AJ38" s="1102"/>
      <c r="AK38" s="1045"/>
      <c r="AL38" s="1036"/>
      <c r="AM38" s="1036"/>
      <c r="AN38" s="1036"/>
      <c r="AO38" s="1036"/>
      <c r="AP38" s="1036"/>
      <c r="AQ38" s="1036"/>
      <c r="AR38" s="1036"/>
      <c r="AS38" s="1036"/>
      <c r="AT38" s="1036"/>
      <c r="AU38" s="1036"/>
      <c r="AV38" s="1036"/>
      <c r="AW38" s="1036"/>
      <c r="AX38" s="1036"/>
      <c r="AY38" s="1036"/>
      <c r="AZ38" s="1106"/>
      <c r="BA38" s="1106"/>
      <c r="BB38" s="1106"/>
      <c r="BC38" s="1106"/>
      <c r="BD38" s="1106"/>
      <c r="BE38" s="1037"/>
      <c r="BF38" s="1037"/>
      <c r="BG38" s="1037"/>
      <c r="BH38" s="1037"/>
      <c r="BI38" s="1038"/>
      <c r="BJ38" s="228"/>
      <c r="BK38" s="228"/>
      <c r="BL38" s="228"/>
      <c r="BM38" s="228"/>
      <c r="BN38" s="228"/>
      <c r="BO38" s="237"/>
      <c r="BP38" s="237"/>
      <c r="BQ38" s="234">
        <v>32</v>
      </c>
      <c r="BR38" s="235"/>
      <c r="BS38" s="1057"/>
      <c r="BT38" s="1058"/>
      <c r="BU38" s="1058"/>
      <c r="BV38" s="1058"/>
      <c r="BW38" s="1058"/>
      <c r="BX38" s="1058"/>
      <c r="BY38" s="1058"/>
      <c r="BZ38" s="1058"/>
      <c r="CA38" s="1058"/>
      <c r="CB38" s="1058"/>
      <c r="CC38" s="1058"/>
      <c r="CD38" s="1058"/>
      <c r="CE38" s="1058"/>
      <c r="CF38" s="1058"/>
      <c r="CG38" s="1079"/>
      <c r="CH38" s="1054"/>
      <c r="CI38" s="1055"/>
      <c r="CJ38" s="1055"/>
      <c r="CK38" s="1055"/>
      <c r="CL38" s="1056"/>
      <c r="CM38" s="1054"/>
      <c r="CN38" s="1055"/>
      <c r="CO38" s="1055"/>
      <c r="CP38" s="1055"/>
      <c r="CQ38" s="1056"/>
      <c r="CR38" s="1054"/>
      <c r="CS38" s="1055"/>
      <c r="CT38" s="1055"/>
      <c r="CU38" s="1055"/>
      <c r="CV38" s="1056"/>
      <c r="CW38" s="1054"/>
      <c r="CX38" s="1055"/>
      <c r="CY38" s="1055"/>
      <c r="CZ38" s="1055"/>
      <c r="DA38" s="1056"/>
      <c r="DB38" s="1054"/>
      <c r="DC38" s="1055"/>
      <c r="DD38" s="1055"/>
      <c r="DE38" s="1055"/>
      <c r="DF38" s="1056"/>
      <c r="DG38" s="1054"/>
      <c r="DH38" s="1055"/>
      <c r="DI38" s="1055"/>
      <c r="DJ38" s="1055"/>
      <c r="DK38" s="1056"/>
      <c r="DL38" s="1054"/>
      <c r="DM38" s="1055"/>
      <c r="DN38" s="1055"/>
      <c r="DO38" s="1055"/>
      <c r="DP38" s="1056"/>
      <c r="DQ38" s="1054"/>
      <c r="DR38" s="1055"/>
      <c r="DS38" s="1055"/>
      <c r="DT38" s="1055"/>
      <c r="DU38" s="1056"/>
      <c r="DV38" s="1057"/>
      <c r="DW38" s="1058"/>
      <c r="DX38" s="1058"/>
      <c r="DY38" s="1058"/>
      <c r="DZ38" s="1059"/>
      <c r="EA38" s="226"/>
    </row>
    <row r="39" spans="1:131" ht="26.25" customHeight="1" x14ac:dyDescent="0.2">
      <c r="A39" s="238">
        <v>12</v>
      </c>
      <c r="B39" s="1095"/>
      <c r="C39" s="1096"/>
      <c r="D39" s="1096"/>
      <c r="E39" s="1096"/>
      <c r="F39" s="1096"/>
      <c r="G39" s="1096"/>
      <c r="H39" s="1096"/>
      <c r="I39" s="1096"/>
      <c r="J39" s="1096"/>
      <c r="K39" s="1096"/>
      <c r="L39" s="1096"/>
      <c r="M39" s="1096"/>
      <c r="N39" s="1096"/>
      <c r="O39" s="1096"/>
      <c r="P39" s="1097"/>
      <c r="Q39" s="1103"/>
      <c r="R39" s="1104"/>
      <c r="S39" s="1104"/>
      <c r="T39" s="1104"/>
      <c r="U39" s="1104"/>
      <c r="V39" s="1104"/>
      <c r="W39" s="1104"/>
      <c r="X39" s="1104"/>
      <c r="Y39" s="1104"/>
      <c r="Z39" s="1104"/>
      <c r="AA39" s="1104"/>
      <c r="AB39" s="1104"/>
      <c r="AC39" s="1104"/>
      <c r="AD39" s="1104"/>
      <c r="AE39" s="1105"/>
      <c r="AF39" s="1100"/>
      <c r="AG39" s="1101"/>
      <c r="AH39" s="1101"/>
      <c r="AI39" s="1101"/>
      <c r="AJ39" s="1102"/>
      <c r="AK39" s="1045"/>
      <c r="AL39" s="1036"/>
      <c r="AM39" s="1036"/>
      <c r="AN39" s="1036"/>
      <c r="AO39" s="1036"/>
      <c r="AP39" s="1036"/>
      <c r="AQ39" s="1036"/>
      <c r="AR39" s="1036"/>
      <c r="AS39" s="1036"/>
      <c r="AT39" s="1036"/>
      <c r="AU39" s="1036"/>
      <c r="AV39" s="1036"/>
      <c r="AW39" s="1036"/>
      <c r="AX39" s="1036"/>
      <c r="AY39" s="1036"/>
      <c r="AZ39" s="1106"/>
      <c r="BA39" s="1106"/>
      <c r="BB39" s="1106"/>
      <c r="BC39" s="1106"/>
      <c r="BD39" s="1106"/>
      <c r="BE39" s="1037"/>
      <c r="BF39" s="1037"/>
      <c r="BG39" s="1037"/>
      <c r="BH39" s="1037"/>
      <c r="BI39" s="1038"/>
      <c r="BJ39" s="228"/>
      <c r="BK39" s="228"/>
      <c r="BL39" s="228"/>
      <c r="BM39" s="228"/>
      <c r="BN39" s="228"/>
      <c r="BO39" s="237"/>
      <c r="BP39" s="237"/>
      <c r="BQ39" s="234">
        <v>33</v>
      </c>
      <c r="BR39" s="235"/>
      <c r="BS39" s="1057"/>
      <c r="BT39" s="1058"/>
      <c r="BU39" s="1058"/>
      <c r="BV39" s="1058"/>
      <c r="BW39" s="1058"/>
      <c r="BX39" s="1058"/>
      <c r="BY39" s="1058"/>
      <c r="BZ39" s="1058"/>
      <c r="CA39" s="1058"/>
      <c r="CB39" s="1058"/>
      <c r="CC39" s="1058"/>
      <c r="CD39" s="1058"/>
      <c r="CE39" s="1058"/>
      <c r="CF39" s="1058"/>
      <c r="CG39" s="1079"/>
      <c r="CH39" s="1054"/>
      <c r="CI39" s="1055"/>
      <c r="CJ39" s="1055"/>
      <c r="CK39" s="1055"/>
      <c r="CL39" s="1056"/>
      <c r="CM39" s="1054"/>
      <c r="CN39" s="1055"/>
      <c r="CO39" s="1055"/>
      <c r="CP39" s="1055"/>
      <c r="CQ39" s="1056"/>
      <c r="CR39" s="1054"/>
      <c r="CS39" s="1055"/>
      <c r="CT39" s="1055"/>
      <c r="CU39" s="1055"/>
      <c r="CV39" s="1056"/>
      <c r="CW39" s="1054"/>
      <c r="CX39" s="1055"/>
      <c r="CY39" s="1055"/>
      <c r="CZ39" s="1055"/>
      <c r="DA39" s="1056"/>
      <c r="DB39" s="1054"/>
      <c r="DC39" s="1055"/>
      <c r="DD39" s="1055"/>
      <c r="DE39" s="1055"/>
      <c r="DF39" s="1056"/>
      <c r="DG39" s="1054"/>
      <c r="DH39" s="1055"/>
      <c r="DI39" s="1055"/>
      <c r="DJ39" s="1055"/>
      <c r="DK39" s="1056"/>
      <c r="DL39" s="1054"/>
      <c r="DM39" s="1055"/>
      <c r="DN39" s="1055"/>
      <c r="DO39" s="1055"/>
      <c r="DP39" s="1056"/>
      <c r="DQ39" s="1054"/>
      <c r="DR39" s="1055"/>
      <c r="DS39" s="1055"/>
      <c r="DT39" s="1055"/>
      <c r="DU39" s="1056"/>
      <c r="DV39" s="1057"/>
      <c r="DW39" s="1058"/>
      <c r="DX39" s="1058"/>
      <c r="DY39" s="1058"/>
      <c r="DZ39" s="1059"/>
      <c r="EA39" s="226"/>
    </row>
    <row r="40" spans="1:131" ht="26.25" customHeight="1" x14ac:dyDescent="0.2">
      <c r="A40" s="234">
        <v>13</v>
      </c>
      <c r="B40" s="1095"/>
      <c r="C40" s="1096"/>
      <c r="D40" s="1096"/>
      <c r="E40" s="1096"/>
      <c r="F40" s="1096"/>
      <c r="G40" s="1096"/>
      <c r="H40" s="1096"/>
      <c r="I40" s="1096"/>
      <c r="J40" s="1096"/>
      <c r="K40" s="1096"/>
      <c r="L40" s="1096"/>
      <c r="M40" s="1096"/>
      <c r="N40" s="1096"/>
      <c r="O40" s="1096"/>
      <c r="P40" s="1097"/>
      <c r="Q40" s="1103"/>
      <c r="R40" s="1104"/>
      <c r="S40" s="1104"/>
      <c r="T40" s="1104"/>
      <c r="U40" s="1104"/>
      <c r="V40" s="1104"/>
      <c r="W40" s="1104"/>
      <c r="X40" s="1104"/>
      <c r="Y40" s="1104"/>
      <c r="Z40" s="1104"/>
      <c r="AA40" s="1104"/>
      <c r="AB40" s="1104"/>
      <c r="AC40" s="1104"/>
      <c r="AD40" s="1104"/>
      <c r="AE40" s="1105"/>
      <c r="AF40" s="1100"/>
      <c r="AG40" s="1101"/>
      <c r="AH40" s="1101"/>
      <c r="AI40" s="1101"/>
      <c r="AJ40" s="1102"/>
      <c r="AK40" s="1045"/>
      <c r="AL40" s="1036"/>
      <c r="AM40" s="1036"/>
      <c r="AN40" s="1036"/>
      <c r="AO40" s="1036"/>
      <c r="AP40" s="1036"/>
      <c r="AQ40" s="1036"/>
      <c r="AR40" s="1036"/>
      <c r="AS40" s="1036"/>
      <c r="AT40" s="1036"/>
      <c r="AU40" s="1036"/>
      <c r="AV40" s="1036"/>
      <c r="AW40" s="1036"/>
      <c r="AX40" s="1036"/>
      <c r="AY40" s="1036"/>
      <c r="AZ40" s="1106"/>
      <c r="BA40" s="1106"/>
      <c r="BB40" s="1106"/>
      <c r="BC40" s="1106"/>
      <c r="BD40" s="1106"/>
      <c r="BE40" s="1037"/>
      <c r="BF40" s="1037"/>
      <c r="BG40" s="1037"/>
      <c r="BH40" s="1037"/>
      <c r="BI40" s="1038"/>
      <c r="BJ40" s="228"/>
      <c r="BK40" s="228"/>
      <c r="BL40" s="228"/>
      <c r="BM40" s="228"/>
      <c r="BN40" s="228"/>
      <c r="BO40" s="237"/>
      <c r="BP40" s="237"/>
      <c r="BQ40" s="234">
        <v>34</v>
      </c>
      <c r="BR40" s="235"/>
      <c r="BS40" s="1057"/>
      <c r="BT40" s="1058"/>
      <c r="BU40" s="1058"/>
      <c r="BV40" s="1058"/>
      <c r="BW40" s="1058"/>
      <c r="BX40" s="1058"/>
      <c r="BY40" s="1058"/>
      <c r="BZ40" s="1058"/>
      <c r="CA40" s="1058"/>
      <c r="CB40" s="1058"/>
      <c r="CC40" s="1058"/>
      <c r="CD40" s="1058"/>
      <c r="CE40" s="1058"/>
      <c r="CF40" s="1058"/>
      <c r="CG40" s="1079"/>
      <c r="CH40" s="1054"/>
      <c r="CI40" s="1055"/>
      <c r="CJ40" s="1055"/>
      <c r="CK40" s="1055"/>
      <c r="CL40" s="1056"/>
      <c r="CM40" s="1054"/>
      <c r="CN40" s="1055"/>
      <c r="CO40" s="1055"/>
      <c r="CP40" s="1055"/>
      <c r="CQ40" s="1056"/>
      <c r="CR40" s="1054"/>
      <c r="CS40" s="1055"/>
      <c r="CT40" s="1055"/>
      <c r="CU40" s="1055"/>
      <c r="CV40" s="1056"/>
      <c r="CW40" s="1054"/>
      <c r="CX40" s="1055"/>
      <c r="CY40" s="1055"/>
      <c r="CZ40" s="1055"/>
      <c r="DA40" s="1056"/>
      <c r="DB40" s="1054"/>
      <c r="DC40" s="1055"/>
      <c r="DD40" s="1055"/>
      <c r="DE40" s="1055"/>
      <c r="DF40" s="1056"/>
      <c r="DG40" s="1054"/>
      <c r="DH40" s="1055"/>
      <c r="DI40" s="1055"/>
      <c r="DJ40" s="1055"/>
      <c r="DK40" s="1056"/>
      <c r="DL40" s="1054"/>
      <c r="DM40" s="1055"/>
      <c r="DN40" s="1055"/>
      <c r="DO40" s="1055"/>
      <c r="DP40" s="1056"/>
      <c r="DQ40" s="1054"/>
      <c r="DR40" s="1055"/>
      <c r="DS40" s="1055"/>
      <c r="DT40" s="1055"/>
      <c r="DU40" s="1056"/>
      <c r="DV40" s="1057"/>
      <c r="DW40" s="1058"/>
      <c r="DX40" s="1058"/>
      <c r="DY40" s="1058"/>
      <c r="DZ40" s="1059"/>
      <c r="EA40" s="226"/>
    </row>
    <row r="41" spans="1:131" ht="26.25" customHeight="1" x14ac:dyDescent="0.2">
      <c r="A41" s="234">
        <v>14</v>
      </c>
      <c r="B41" s="1095"/>
      <c r="C41" s="1096"/>
      <c r="D41" s="1096"/>
      <c r="E41" s="1096"/>
      <c r="F41" s="1096"/>
      <c r="G41" s="1096"/>
      <c r="H41" s="1096"/>
      <c r="I41" s="1096"/>
      <c r="J41" s="1096"/>
      <c r="K41" s="1096"/>
      <c r="L41" s="1096"/>
      <c r="M41" s="1096"/>
      <c r="N41" s="1096"/>
      <c r="O41" s="1096"/>
      <c r="P41" s="1097"/>
      <c r="Q41" s="1103"/>
      <c r="R41" s="1104"/>
      <c r="S41" s="1104"/>
      <c r="T41" s="1104"/>
      <c r="U41" s="1104"/>
      <c r="V41" s="1104"/>
      <c r="W41" s="1104"/>
      <c r="X41" s="1104"/>
      <c r="Y41" s="1104"/>
      <c r="Z41" s="1104"/>
      <c r="AA41" s="1104"/>
      <c r="AB41" s="1104"/>
      <c r="AC41" s="1104"/>
      <c r="AD41" s="1104"/>
      <c r="AE41" s="1105"/>
      <c r="AF41" s="1100"/>
      <c r="AG41" s="1101"/>
      <c r="AH41" s="1101"/>
      <c r="AI41" s="1101"/>
      <c r="AJ41" s="1102"/>
      <c r="AK41" s="1045"/>
      <c r="AL41" s="1036"/>
      <c r="AM41" s="1036"/>
      <c r="AN41" s="1036"/>
      <c r="AO41" s="1036"/>
      <c r="AP41" s="1036"/>
      <c r="AQ41" s="1036"/>
      <c r="AR41" s="1036"/>
      <c r="AS41" s="1036"/>
      <c r="AT41" s="1036"/>
      <c r="AU41" s="1036"/>
      <c r="AV41" s="1036"/>
      <c r="AW41" s="1036"/>
      <c r="AX41" s="1036"/>
      <c r="AY41" s="1036"/>
      <c r="AZ41" s="1106"/>
      <c r="BA41" s="1106"/>
      <c r="BB41" s="1106"/>
      <c r="BC41" s="1106"/>
      <c r="BD41" s="1106"/>
      <c r="BE41" s="1037"/>
      <c r="BF41" s="1037"/>
      <c r="BG41" s="1037"/>
      <c r="BH41" s="1037"/>
      <c r="BI41" s="1038"/>
      <c r="BJ41" s="228"/>
      <c r="BK41" s="228"/>
      <c r="BL41" s="228"/>
      <c r="BM41" s="228"/>
      <c r="BN41" s="228"/>
      <c r="BO41" s="237"/>
      <c r="BP41" s="237"/>
      <c r="BQ41" s="234">
        <v>35</v>
      </c>
      <c r="BR41" s="235"/>
      <c r="BS41" s="1057"/>
      <c r="BT41" s="1058"/>
      <c r="BU41" s="1058"/>
      <c r="BV41" s="1058"/>
      <c r="BW41" s="1058"/>
      <c r="BX41" s="1058"/>
      <c r="BY41" s="1058"/>
      <c r="BZ41" s="1058"/>
      <c r="CA41" s="1058"/>
      <c r="CB41" s="1058"/>
      <c r="CC41" s="1058"/>
      <c r="CD41" s="1058"/>
      <c r="CE41" s="1058"/>
      <c r="CF41" s="1058"/>
      <c r="CG41" s="1079"/>
      <c r="CH41" s="1054"/>
      <c r="CI41" s="1055"/>
      <c r="CJ41" s="1055"/>
      <c r="CK41" s="1055"/>
      <c r="CL41" s="1056"/>
      <c r="CM41" s="1054"/>
      <c r="CN41" s="1055"/>
      <c r="CO41" s="1055"/>
      <c r="CP41" s="1055"/>
      <c r="CQ41" s="1056"/>
      <c r="CR41" s="1054"/>
      <c r="CS41" s="1055"/>
      <c r="CT41" s="1055"/>
      <c r="CU41" s="1055"/>
      <c r="CV41" s="1056"/>
      <c r="CW41" s="1054"/>
      <c r="CX41" s="1055"/>
      <c r="CY41" s="1055"/>
      <c r="CZ41" s="1055"/>
      <c r="DA41" s="1056"/>
      <c r="DB41" s="1054"/>
      <c r="DC41" s="1055"/>
      <c r="DD41" s="1055"/>
      <c r="DE41" s="1055"/>
      <c r="DF41" s="1056"/>
      <c r="DG41" s="1054"/>
      <c r="DH41" s="1055"/>
      <c r="DI41" s="1055"/>
      <c r="DJ41" s="1055"/>
      <c r="DK41" s="1056"/>
      <c r="DL41" s="1054"/>
      <c r="DM41" s="1055"/>
      <c r="DN41" s="1055"/>
      <c r="DO41" s="1055"/>
      <c r="DP41" s="1056"/>
      <c r="DQ41" s="1054"/>
      <c r="DR41" s="1055"/>
      <c r="DS41" s="1055"/>
      <c r="DT41" s="1055"/>
      <c r="DU41" s="1056"/>
      <c r="DV41" s="1057"/>
      <c r="DW41" s="1058"/>
      <c r="DX41" s="1058"/>
      <c r="DY41" s="1058"/>
      <c r="DZ41" s="1059"/>
      <c r="EA41" s="226"/>
    </row>
    <row r="42" spans="1:131" ht="26.25" customHeight="1" x14ac:dyDescent="0.2">
      <c r="A42" s="234">
        <v>15</v>
      </c>
      <c r="B42" s="1095"/>
      <c r="C42" s="1096"/>
      <c r="D42" s="1096"/>
      <c r="E42" s="1096"/>
      <c r="F42" s="1096"/>
      <c r="G42" s="1096"/>
      <c r="H42" s="1096"/>
      <c r="I42" s="1096"/>
      <c r="J42" s="1096"/>
      <c r="K42" s="1096"/>
      <c r="L42" s="1096"/>
      <c r="M42" s="1096"/>
      <c r="N42" s="1096"/>
      <c r="O42" s="1096"/>
      <c r="P42" s="1097"/>
      <c r="Q42" s="1103"/>
      <c r="R42" s="1104"/>
      <c r="S42" s="1104"/>
      <c r="T42" s="1104"/>
      <c r="U42" s="1104"/>
      <c r="V42" s="1104"/>
      <c r="W42" s="1104"/>
      <c r="X42" s="1104"/>
      <c r="Y42" s="1104"/>
      <c r="Z42" s="1104"/>
      <c r="AA42" s="1104"/>
      <c r="AB42" s="1104"/>
      <c r="AC42" s="1104"/>
      <c r="AD42" s="1104"/>
      <c r="AE42" s="1105"/>
      <c r="AF42" s="1100"/>
      <c r="AG42" s="1101"/>
      <c r="AH42" s="1101"/>
      <c r="AI42" s="1101"/>
      <c r="AJ42" s="1102"/>
      <c r="AK42" s="1045"/>
      <c r="AL42" s="1036"/>
      <c r="AM42" s="1036"/>
      <c r="AN42" s="1036"/>
      <c r="AO42" s="1036"/>
      <c r="AP42" s="1036"/>
      <c r="AQ42" s="1036"/>
      <c r="AR42" s="1036"/>
      <c r="AS42" s="1036"/>
      <c r="AT42" s="1036"/>
      <c r="AU42" s="1036"/>
      <c r="AV42" s="1036"/>
      <c r="AW42" s="1036"/>
      <c r="AX42" s="1036"/>
      <c r="AY42" s="1036"/>
      <c r="AZ42" s="1106"/>
      <c r="BA42" s="1106"/>
      <c r="BB42" s="1106"/>
      <c r="BC42" s="1106"/>
      <c r="BD42" s="1106"/>
      <c r="BE42" s="1037"/>
      <c r="BF42" s="1037"/>
      <c r="BG42" s="1037"/>
      <c r="BH42" s="1037"/>
      <c r="BI42" s="1038"/>
      <c r="BJ42" s="228"/>
      <c r="BK42" s="228"/>
      <c r="BL42" s="228"/>
      <c r="BM42" s="228"/>
      <c r="BN42" s="228"/>
      <c r="BO42" s="237"/>
      <c r="BP42" s="237"/>
      <c r="BQ42" s="234">
        <v>36</v>
      </c>
      <c r="BR42" s="235"/>
      <c r="BS42" s="1057"/>
      <c r="BT42" s="1058"/>
      <c r="BU42" s="1058"/>
      <c r="BV42" s="1058"/>
      <c r="BW42" s="1058"/>
      <c r="BX42" s="1058"/>
      <c r="BY42" s="1058"/>
      <c r="BZ42" s="1058"/>
      <c r="CA42" s="1058"/>
      <c r="CB42" s="1058"/>
      <c r="CC42" s="1058"/>
      <c r="CD42" s="1058"/>
      <c r="CE42" s="1058"/>
      <c r="CF42" s="1058"/>
      <c r="CG42" s="1079"/>
      <c r="CH42" s="1054"/>
      <c r="CI42" s="1055"/>
      <c r="CJ42" s="1055"/>
      <c r="CK42" s="1055"/>
      <c r="CL42" s="1056"/>
      <c r="CM42" s="1054"/>
      <c r="CN42" s="1055"/>
      <c r="CO42" s="1055"/>
      <c r="CP42" s="1055"/>
      <c r="CQ42" s="1056"/>
      <c r="CR42" s="1054"/>
      <c r="CS42" s="1055"/>
      <c r="CT42" s="1055"/>
      <c r="CU42" s="1055"/>
      <c r="CV42" s="1056"/>
      <c r="CW42" s="1054"/>
      <c r="CX42" s="1055"/>
      <c r="CY42" s="1055"/>
      <c r="CZ42" s="1055"/>
      <c r="DA42" s="1056"/>
      <c r="DB42" s="1054"/>
      <c r="DC42" s="1055"/>
      <c r="DD42" s="1055"/>
      <c r="DE42" s="1055"/>
      <c r="DF42" s="1056"/>
      <c r="DG42" s="1054"/>
      <c r="DH42" s="1055"/>
      <c r="DI42" s="1055"/>
      <c r="DJ42" s="1055"/>
      <c r="DK42" s="1056"/>
      <c r="DL42" s="1054"/>
      <c r="DM42" s="1055"/>
      <c r="DN42" s="1055"/>
      <c r="DO42" s="1055"/>
      <c r="DP42" s="1056"/>
      <c r="DQ42" s="1054"/>
      <c r="DR42" s="1055"/>
      <c r="DS42" s="1055"/>
      <c r="DT42" s="1055"/>
      <c r="DU42" s="1056"/>
      <c r="DV42" s="1057"/>
      <c r="DW42" s="1058"/>
      <c r="DX42" s="1058"/>
      <c r="DY42" s="1058"/>
      <c r="DZ42" s="1059"/>
      <c r="EA42" s="226"/>
    </row>
    <row r="43" spans="1:131" ht="26.25" customHeight="1" x14ac:dyDescent="0.2">
      <c r="A43" s="234">
        <v>16</v>
      </c>
      <c r="B43" s="1095"/>
      <c r="C43" s="1096"/>
      <c r="D43" s="1096"/>
      <c r="E43" s="1096"/>
      <c r="F43" s="1096"/>
      <c r="G43" s="1096"/>
      <c r="H43" s="1096"/>
      <c r="I43" s="1096"/>
      <c r="J43" s="1096"/>
      <c r="K43" s="1096"/>
      <c r="L43" s="1096"/>
      <c r="M43" s="1096"/>
      <c r="N43" s="1096"/>
      <c r="O43" s="1096"/>
      <c r="P43" s="1097"/>
      <c r="Q43" s="1103"/>
      <c r="R43" s="1104"/>
      <c r="S43" s="1104"/>
      <c r="T43" s="1104"/>
      <c r="U43" s="1104"/>
      <c r="V43" s="1104"/>
      <c r="W43" s="1104"/>
      <c r="X43" s="1104"/>
      <c r="Y43" s="1104"/>
      <c r="Z43" s="1104"/>
      <c r="AA43" s="1104"/>
      <c r="AB43" s="1104"/>
      <c r="AC43" s="1104"/>
      <c r="AD43" s="1104"/>
      <c r="AE43" s="1105"/>
      <c r="AF43" s="1100"/>
      <c r="AG43" s="1101"/>
      <c r="AH43" s="1101"/>
      <c r="AI43" s="1101"/>
      <c r="AJ43" s="1102"/>
      <c r="AK43" s="1045"/>
      <c r="AL43" s="1036"/>
      <c r="AM43" s="1036"/>
      <c r="AN43" s="1036"/>
      <c r="AO43" s="1036"/>
      <c r="AP43" s="1036"/>
      <c r="AQ43" s="1036"/>
      <c r="AR43" s="1036"/>
      <c r="AS43" s="1036"/>
      <c r="AT43" s="1036"/>
      <c r="AU43" s="1036"/>
      <c r="AV43" s="1036"/>
      <c r="AW43" s="1036"/>
      <c r="AX43" s="1036"/>
      <c r="AY43" s="1036"/>
      <c r="AZ43" s="1106"/>
      <c r="BA43" s="1106"/>
      <c r="BB43" s="1106"/>
      <c r="BC43" s="1106"/>
      <c r="BD43" s="1106"/>
      <c r="BE43" s="1037"/>
      <c r="BF43" s="1037"/>
      <c r="BG43" s="1037"/>
      <c r="BH43" s="1037"/>
      <c r="BI43" s="1038"/>
      <c r="BJ43" s="228"/>
      <c r="BK43" s="228"/>
      <c r="BL43" s="228"/>
      <c r="BM43" s="228"/>
      <c r="BN43" s="228"/>
      <c r="BO43" s="237"/>
      <c r="BP43" s="237"/>
      <c r="BQ43" s="234">
        <v>37</v>
      </c>
      <c r="BR43" s="235"/>
      <c r="BS43" s="1057"/>
      <c r="BT43" s="1058"/>
      <c r="BU43" s="1058"/>
      <c r="BV43" s="1058"/>
      <c r="BW43" s="1058"/>
      <c r="BX43" s="1058"/>
      <c r="BY43" s="1058"/>
      <c r="BZ43" s="1058"/>
      <c r="CA43" s="1058"/>
      <c r="CB43" s="1058"/>
      <c r="CC43" s="1058"/>
      <c r="CD43" s="1058"/>
      <c r="CE43" s="1058"/>
      <c r="CF43" s="1058"/>
      <c r="CG43" s="1079"/>
      <c r="CH43" s="1054"/>
      <c r="CI43" s="1055"/>
      <c r="CJ43" s="1055"/>
      <c r="CK43" s="1055"/>
      <c r="CL43" s="1056"/>
      <c r="CM43" s="1054"/>
      <c r="CN43" s="1055"/>
      <c r="CO43" s="1055"/>
      <c r="CP43" s="1055"/>
      <c r="CQ43" s="1056"/>
      <c r="CR43" s="1054"/>
      <c r="CS43" s="1055"/>
      <c r="CT43" s="1055"/>
      <c r="CU43" s="1055"/>
      <c r="CV43" s="1056"/>
      <c r="CW43" s="1054"/>
      <c r="CX43" s="1055"/>
      <c r="CY43" s="1055"/>
      <c r="CZ43" s="1055"/>
      <c r="DA43" s="1056"/>
      <c r="DB43" s="1054"/>
      <c r="DC43" s="1055"/>
      <c r="DD43" s="1055"/>
      <c r="DE43" s="1055"/>
      <c r="DF43" s="1056"/>
      <c r="DG43" s="1054"/>
      <c r="DH43" s="1055"/>
      <c r="DI43" s="1055"/>
      <c r="DJ43" s="1055"/>
      <c r="DK43" s="1056"/>
      <c r="DL43" s="1054"/>
      <c r="DM43" s="1055"/>
      <c r="DN43" s="1055"/>
      <c r="DO43" s="1055"/>
      <c r="DP43" s="1056"/>
      <c r="DQ43" s="1054"/>
      <c r="DR43" s="1055"/>
      <c r="DS43" s="1055"/>
      <c r="DT43" s="1055"/>
      <c r="DU43" s="1056"/>
      <c r="DV43" s="1057"/>
      <c r="DW43" s="1058"/>
      <c r="DX43" s="1058"/>
      <c r="DY43" s="1058"/>
      <c r="DZ43" s="1059"/>
      <c r="EA43" s="226"/>
    </row>
    <row r="44" spans="1:131" ht="26.25" customHeight="1" x14ac:dyDescent="0.2">
      <c r="A44" s="234">
        <v>17</v>
      </c>
      <c r="B44" s="1095"/>
      <c r="C44" s="1096"/>
      <c r="D44" s="1096"/>
      <c r="E44" s="1096"/>
      <c r="F44" s="1096"/>
      <c r="G44" s="1096"/>
      <c r="H44" s="1096"/>
      <c r="I44" s="1096"/>
      <c r="J44" s="1096"/>
      <c r="K44" s="1096"/>
      <c r="L44" s="1096"/>
      <c r="M44" s="1096"/>
      <c r="N44" s="1096"/>
      <c r="O44" s="1096"/>
      <c r="P44" s="1097"/>
      <c r="Q44" s="1103"/>
      <c r="R44" s="1104"/>
      <c r="S44" s="1104"/>
      <c r="T44" s="1104"/>
      <c r="U44" s="1104"/>
      <c r="V44" s="1104"/>
      <c r="W44" s="1104"/>
      <c r="X44" s="1104"/>
      <c r="Y44" s="1104"/>
      <c r="Z44" s="1104"/>
      <c r="AA44" s="1104"/>
      <c r="AB44" s="1104"/>
      <c r="AC44" s="1104"/>
      <c r="AD44" s="1104"/>
      <c r="AE44" s="1105"/>
      <c r="AF44" s="1100"/>
      <c r="AG44" s="1101"/>
      <c r="AH44" s="1101"/>
      <c r="AI44" s="1101"/>
      <c r="AJ44" s="1102"/>
      <c r="AK44" s="1045"/>
      <c r="AL44" s="1036"/>
      <c r="AM44" s="1036"/>
      <c r="AN44" s="1036"/>
      <c r="AO44" s="1036"/>
      <c r="AP44" s="1036"/>
      <c r="AQ44" s="1036"/>
      <c r="AR44" s="1036"/>
      <c r="AS44" s="1036"/>
      <c r="AT44" s="1036"/>
      <c r="AU44" s="1036"/>
      <c r="AV44" s="1036"/>
      <c r="AW44" s="1036"/>
      <c r="AX44" s="1036"/>
      <c r="AY44" s="1036"/>
      <c r="AZ44" s="1106"/>
      <c r="BA44" s="1106"/>
      <c r="BB44" s="1106"/>
      <c r="BC44" s="1106"/>
      <c r="BD44" s="1106"/>
      <c r="BE44" s="1037"/>
      <c r="BF44" s="1037"/>
      <c r="BG44" s="1037"/>
      <c r="BH44" s="1037"/>
      <c r="BI44" s="1038"/>
      <c r="BJ44" s="228"/>
      <c r="BK44" s="228"/>
      <c r="BL44" s="228"/>
      <c r="BM44" s="228"/>
      <c r="BN44" s="228"/>
      <c r="BO44" s="237"/>
      <c r="BP44" s="237"/>
      <c r="BQ44" s="234">
        <v>38</v>
      </c>
      <c r="BR44" s="235"/>
      <c r="BS44" s="1057"/>
      <c r="BT44" s="1058"/>
      <c r="BU44" s="1058"/>
      <c r="BV44" s="1058"/>
      <c r="BW44" s="1058"/>
      <c r="BX44" s="1058"/>
      <c r="BY44" s="1058"/>
      <c r="BZ44" s="1058"/>
      <c r="CA44" s="1058"/>
      <c r="CB44" s="1058"/>
      <c r="CC44" s="1058"/>
      <c r="CD44" s="1058"/>
      <c r="CE44" s="1058"/>
      <c r="CF44" s="1058"/>
      <c r="CG44" s="1079"/>
      <c r="CH44" s="1054"/>
      <c r="CI44" s="1055"/>
      <c r="CJ44" s="1055"/>
      <c r="CK44" s="1055"/>
      <c r="CL44" s="1056"/>
      <c r="CM44" s="1054"/>
      <c r="CN44" s="1055"/>
      <c r="CO44" s="1055"/>
      <c r="CP44" s="1055"/>
      <c r="CQ44" s="1056"/>
      <c r="CR44" s="1054"/>
      <c r="CS44" s="1055"/>
      <c r="CT44" s="1055"/>
      <c r="CU44" s="1055"/>
      <c r="CV44" s="1056"/>
      <c r="CW44" s="1054"/>
      <c r="CX44" s="1055"/>
      <c r="CY44" s="1055"/>
      <c r="CZ44" s="1055"/>
      <c r="DA44" s="1056"/>
      <c r="DB44" s="1054"/>
      <c r="DC44" s="1055"/>
      <c r="DD44" s="1055"/>
      <c r="DE44" s="1055"/>
      <c r="DF44" s="1056"/>
      <c r="DG44" s="1054"/>
      <c r="DH44" s="1055"/>
      <c r="DI44" s="1055"/>
      <c r="DJ44" s="1055"/>
      <c r="DK44" s="1056"/>
      <c r="DL44" s="1054"/>
      <c r="DM44" s="1055"/>
      <c r="DN44" s="1055"/>
      <c r="DO44" s="1055"/>
      <c r="DP44" s="1056"/>
      <c r="DQ44" s="1054"/>
      <c r="DR44" s="1055"/>
      <c r="DS44" s="1055"/>
      <c r="DT44" s="1055"/>
      <c r="DU44" s="1056"/>
      <c r="DV44" s="1057"/>
      <c r="DW44" s="1058"/>
      <c r="DX44" s="1058"/>
      <c r="DY44" s="1058"/>
      <c r="DZ44" s="1059"/>
      <c r="EA44" s="226"/>
    </row>
    <row r="45" spans="1:131" ht="26.25" customHeight="1" x14ac:dyDescent="0.2">
      <c r="A45" s="234">
        <v>18</v>
      </c>
      <c r="B45" s="1095"/>
      <c r="C45" s="1096"/>
      <c r="D45" s="1096"/>
      <c r="E45" s="1096"/>
      <c r="F45" s="1096"/>
      <c r="G45" s="1096"/>
      <c r="H45" s="1096"/>
      <c r="I45" s="1096"/>
      <c r="J45" s="1096"/>
      <c r="K45" s="1096"/>
      <c r="L45" s="1096"/>
      <c r="M45" s="1096"/>
      <c r="N45" s="1096"/>
      <c r="O45" s="1096"/>
      <c r="P45" s="1097"/>
      <c r="Q45" s="1103"/>
      <c r="R45" s="1104"/>
      <c r="S45" s="1104"/>
      <c r="T45" s="1104"/>
      <c r="U45" s="1104"/>
      <c r="V45" s="1104"/>
      <c r="W45" s="1104"/>
      <c r="X45" s="1104"/>
      <c r="Y45" s="1104"/>
      <c r="Z45" s="1104"/>
      <c r="AA45" s="1104"/>
      <c r="AB45" s="1104"/>
      <c r="AC45" s="1104"/>
      <c r="AD45" s="1104"/>
      <c r="AE45" s="1105"/>
      <c r="AF45" s="1100"/>
      <c r="AG45" s="1101"/>
      <c r="AH45" s="1101"/>
      <c r="AI45" s="1101"/>
      <c r="AJ45" s="1102"/>
      <c r="AK45" s="1045"/>
      <c r="AL45" s="1036"/>
      <c r="AM45" s="1036"/>
      <c r="AN45" s="1036"/>
      <c r="AO45" s="1036"/>
      <c r="AP45" s="1036"/>
      <c r="AQ45" s="1036"/>
      <c r="AR45" s="1036"/>
      <c r="AS45" s="1036"/>
      <c r="AT45" s="1036"/>
      <c r="AU45" s="1036"/>
      <c r="AV45" s="1036"/>
      <c r="AW45" s="1036"/>
      <c r="AX45" s="1036"/>
      <c r="AY45" s="1036"/>
      <c r="AZ45" s="1106"/>
      <c r="BA45" s="1106"/>
      <c r="BB45" s="1106"/>
      <c r="BC45" s="1106"/>
      <c r="BD45" s="1106"/>
      <c r="BE45" s="1037"/>
      <c r="BF45" s="1037"/>
      <c r="BG45" s="1037"/>
      <c r="BH45" s="1037"/>
      <c r="BI45" s="1038"/>
      <c r="BJ45" s="228"/>
      <c r="BK45" s="228"/>
      <c r="BL45" s="228"/>
      <c r="BM45" s="228"/>
      <c r="BN45" s="228"/>
      <c r="BO45" s="237"/>
      <c r="BP45" s="237"/>
      <c r="BQ45" s="234">
        <v>39</v>
      </c>
      <c r="BR45" s="235"/>
      <c r="BS45" s="1057"/>
      <c r="BT45" s="1058"/>
      <c r="BU45" s="1058"/>
      <c r="BV45" s="1058"/>
      <c r="BW45" s="1058"/>
      <c r="BX45" s="1058"/>
      <c r="BY45" s="1058"/>
      <c r="BZ45" s="1058"/>
      <c r="CA45" s="1058"/>
      <c r="CB45" s="1058"/>
      <c r="CC45" s="1058"/>
      <c r="CD45" s="1058"/>
      <c r="CE45" s="1058"/>
      <c r="CF45" s="1058"/>
      <c r="CG45" s="1079"/>
      <c r="CH45" s="1054"/>
      <c r="CI45" s="1055"/>
      <c r="CJ45" s="1055"/>
      <c r="CK45" s="1055"/>
      <c r="CL45" s="1056"/>
      <c r="CM45" s="1054"/>
      <c r="CN45" s="1055"/>
      <c r="CO45" s="1055"/>
      <c r="CP45" s="1055"/>
      <c r="CQ45" s="1056"/>
      <c r="CR45" s="1054"/>
      <c r="CS45" s="1055"/>
      <c r="CT45" s="1055"/>
      <c r="CU45" s="1055"/>
      <c r="CV45" s="1056"/>
      <c r="CW45" s="1054"/>
      <c r="CX45" s="1055"/>
      <c r="CY45" s="1055"/>
      <c r="CZ45" s="1055"/>
      <c r="DA45" s="1056"/>
      <c r="DB45" s="1054"/>
      <c r="DC45" s="1055"/>
      <c r="DD45" s="1055"/>
      <c r="DE45" s="1055"/>
      <c r="DF45" s="1056"/>
      <c r="DG45" s="1054"/>
      <c r="DH45" s="1055"/>
      <c r="DI45" s="1055"/>
      <c r="DJ45" s="1055"/>
      <c r="DK45" s="1056"/>
      <c r="DL45" s="1054"/>
      <c r="DM45" s="1055"/>
      <c r="DN45" s="1055"/>
      <c r="DO45" s="1055"/>
      <c r="DP45" s="1056"/>
      <c r="DQ45" s="1054"/>
      <c r="DR45" s="1055"/>
      <c r="DS45" s="1055"/>
      <c r="DT45" s="1055"/>
      <c r="DU45" s="1056"/>
      <c r="DV45" s="1057"/>
      <c r="DW45" s="1058"/>
      <c r="DX45" s="1058"/>
      <c r="DY45" s="1058"/>
      <c r="DZ45" s="1059"/>
      <c r="EA45" s="226"/>
    </row>
    <row r="46" spans="1:131" ht="26.25" customHeight="1" x14ac:dyDescent="0.2">
      <c r="A46" s="234">
        <v>19</v>
      </c>
      <c r="B46" s="1095"/>
      <c r="C46" s="1096"/>
      <c r="D46" s="1096"/>
      <c r="E46" s="1096"/>
      <c r="F46" s="1096"/>
      <c r="G46" s="1096"/>
      <c r="H46" s="1096"/>
      <c r="I46" s="1096"/>
      <c r="J46" s="1096"/>
      <c r="K46" s="1096"/>
      <c r="L46" s="1096"/>
      <c r="M46" s="1096"/>
      <c r="N46" s="1096"/>
      <c r="O46" s="1096"/>
      <c r="P46" s="1097"/>
      <c r="Q46" s="1103"/>
      <c r="R46" s="1104"/>
      <c r="S46" s="1104"/>
      <c r="T46" s="1104"/>
      <c r="U46" s="1104"/>
      <c r="V46" s="1104"/>
      <c r="W46" s="1104"/>
      <c r="X46" s="1104"/>
      <c r="Y46" s="1104"/>
      <c r="Z46" s="1104"/>
      <c r="AA46" s="1104"/>
      <c r="AB46" s="1104"/>
      <c r="AC46" s="1104"/>
      <c r="AD46" s="1104"/>
      <c r="AE46" s="1105"/>
      <c r="AF46" s="1100"/>
      <c r="AG46" s="1101"/>
      <c r="AH46" s="1101"/>
      <c r="AI46" s="1101"/>
      <c r="AJ46" s="1102"/>
      <c r="AK46" s="1045"/>
      <c r="AL46" s="1036"/>
      <c r="AM46" s="1036"/>
      <c r="AN46" s="1036"/>
      <c r="AO46" s="1036"/>
      <c r="AP46" s="1036"/>
      <c r="AQ46" s="1036"/>
      <c r="AR46" s="1036"/>
      <c r="AS46" s="1036"/>
      <c r="AT46" s="1036"/>
      <c r="AU46" s="1036"/>
      <c r="AV46" s="1036"/>
      <c r="AW46" s="1036"/>
      <c r="AX46" s="1036"/>
      <c r="AY46" s="1036"/>
      <c r="AZ46" s="1106"/>
      <c r="BA46" s="1106"/>
      <c r="BB46" s="1106"/>
      <c r="BC46" s="1106"/>
      <c r="BD46" s="1106"/>
      <c r="BE46" s="1037"/>
      <c r="BF46" s="1037"/>
      <c r="BG46" s="1037"/>
      <c r="BH46" s="1037"/>
      <c r="BI46" s="1038"/>
      <c r="BJ46" s="228"/>
      <c r="BK46" s="228"/>
      <c r="BL46" s="228"/>
      <c r="BM46" s="228"/>
      <c r="BN46" s="228"/>
      <c r="BO46" s="237"/>
      <c r="BP46" s="237"/>
      <c r="BQ46" s="234">
        <v>40</v>
      </c>
      <c r="BR46" s="235"/>
      <c r="BS46" s="1057"/>
      <c r="BT46" s="1058"/>
      <c r="BU46" s="1058"/>
      <c r="BV46" s="1058"/>
      <c r="BW46" s="1058"/>
      <c r="BX46" s="1058"/>
      <c r="BY46" s="1058"/>
      <c r="BZ46" s="1058"/>
      <c r="CA46" s="1058"/>
      <c r="CB46" s="1058"/>
      <c r="CC46" s="1058"/>
      <c r="CD46" s="1058"/>
      <c r="CE46" s="1058"/>
      <c r="CF46" s="1058"/>
      <c r="CG46" s="1079"/>
      <c r="CH46" s="1054"/>
      <c r="CI46" s="1055"/>
      <c r="CJ46" s="1055"/>
      <c r="CK46" s="1055"/>
      <c r="CL46" s="1056"/>
      <c r="CM46" s="1054"/>
      <c r="CN46" s="1055"/>
      <c r="CO46" s="1055"/>
      <c r="CP46" s="1055"/>
      <c r="CQ46" s="1056"/>
      <c r="CR46" s="1054"/>
      <c r="CS46" s="1055"/>
      <c r="CT46" s="1055"/>
      <c r="CU46" s="1055"/>
      <c r="CV46" s="1056"/>
      <c r="CW46" s="1054"/>
      <c r="CX46" s="1055"/>
      <c r="CY46" s="1055"/>
      <c r="CZ46" s="1055"/>
      <c r="DA46" s="1056"/>
      <c r="DB46" s="1054"/>
      <c r="DC46" s="1055"/>
      <c r="DD46" s="1055"/>
      <c r="DE46" s="1055"/>
      <c r="DF46" s="1056"/>
      <c r="DG46" s="1054"/>
      <c r="DH46" s="1055"/>
      <c r="DI46" s="1055"/>
      <c r="DJ46" s="1055"/>
      <c r="DK46" s="1056"/>
      <c r="DL46" s="1054"/>
      <c r="DM46" s="1055"/>
      <c r="DN46" s="1055"/>
      <c r="DO46" s="1055"/>
      <c r="DP46" s="1056"/>
      <c r="DQ46" s="1054"/>
      <c r="DR46" s="1055"/>
      <c r="DS46" s="1055"/>
      <c r="DT46" s="1055"/>
      <c r="DU46" s="1056"/>
      <c r="DV46" s="1057"/>
      <c r="DW46" s="1058"/>
      <c r="DX46" s="1058"/>
      <c r="DY46" s="1058"/>
      <c r="DZ46" s="1059"/>
      <c r="EA46" s="226"/>
    </row>
    <row r="47" spans="1:131" ht="26.25" customHeight="1" x14ac:dyDescent="0.2">
      <c r="A47" s="234">
        <v>20</v>
      </c>
      <c r="B47" s="1095"/>
      <c r="C47" s="1096"/>
      <c r="D47" s="1096"/>
      <c r="E47" s="1096"/>
      <c r="F47" s="1096"/>
      <c r="G47" s="1096"/>
      <c r="H47" s="1096"/>
      <c r="I47" s="1096"/>
      <c r="J47" s="1096"/>
      <c r="K47" s="1096"/>
      <c r="L47" s="1096"/>
      <c r="M47" s="1096"/>
      <c r="N47" s="1096"/>
      <c r="O47" s="1096"/>
      <c r="P47" s="1097"/>
      <c r="Q47" s="1103"/>
      <c r="R47" s="1104"/>
      <c r="S47" s="1104"/>
      <c r="T47" s="1104"/>
      <c r="U47" s="1104"/>
      <c r="V47" s="1104"/>
      <c r="W47" s="1104"/>
      <c r="X47" s="1104"/>
      <c r="Y47" s="1104"/>
      <c r="Z47" s="1104"/>
      <c r="AA47" s="1104"/>
      <c r="AB47" s="1104"/>
      <c r="AC47" s="1104"/>
      <c r="AD47" s="1104"/>
      <c r="AE47" s="1105"/>
      <c r="AF47" s="1100"/>
      <c r="AG47" s="1101"/>
      <c r="AH47" s="1101"/>
      <c r="AI47" s="1101"/>
      <c r="AJ47" s="1102"/>
      <c r="AK47" s="1045"/>
      <c r="AL47" s="1036"/>
      <c r="AM47" s="1036"/>
      <c r="AN47" s="1036"/>
      <c r="AO47" s="1036"/>
      <c r="AP47" s="1036"/>
      <c r="AQ47" s="1036"/>
      <c r="AR47" s="1036"/>
      <c r="AS47" s="1036"/>
      <c r="AT47" s="1036"/>
      <c r="AU47" s="1036"/>
      <c r="AV47" s="1036"/>
      <c r="AW47" s="1036"/>
      <c r="AX47" s="1036"/>
      <c r="AY47" s="1036"/>
      <c r="AZ47" s="1106"/>
      <c r="BA47" s="1106"/>
      <c r="BB47" s="1106"/>
      <c r="BC47" s="1106"/>
      <c r="BD47" s="1106"/>
      <c r="BE47" s="1037"/>
      <c r="BF47" s="1037"/>
      <c r="BG47" s="1037"/>
      <c r="BH47" s="1037"/>
      <c r="BI47" s="1038"/>
      <c r="BJ47" s="228"/>
      <c r="BK47" s="228"/>
      <c r="BL47" s="228"/>
      <c r="BM47" s="228"/>
      <c r="BN47" s="228"/>
      <c r="BO47" s="237"/>
      <c r="BP47" s="237"/>
      <c r="BQ47" s="234">
        <v>41</v>
      </c>
      <c r="BR47" s="235"/>
      <c r="BS47" s="1057"/>
      <c r="BT47" s="1058"/>
      <c r="BU47" s="1058"/>
      <c r="BV47" s="1058"/>
      <c r="BW47" s="1058"/>
      <c r="BX47" s="1058"/>
      <c r="BY47" s="1058"/>
      <c r="BZ47" s="1058"/>
      <c r="CA47" s="1058"/>
      <c r="CB47" s="1058"/>
      <c r="CC47" s="1058"/>
      <c r="CD47" s="1058"/>
      <c r="CE47" s="1058"/>
      <c r="CF47" s="1058"/>
      <c r="CG47" s="1079"/>
      <c r="CH47" s="1054"/>
      <c r="CI47" s="1055"/>
      <c r="CJ47" s="1055"/>
      <c r="CK47" s="1055"/>
      <c r="CL47" s="1056"/>
      <c r="CM47" s="1054"/>
      <c r="CN47" s="1055"/>
      <c r="CO47" s="1055"/>
      <c r="CP47" s="1055"/>
      <c r="CQ47" s="1056"/>
      <c r="CR47" s="1054"/>
      <c r="CS47" s="1055"/>
      <c r="CT47" s="1055"/>
      <c r="CU47" s="1055"/>
      <c r="CV47" s="1056"/>
      <c r="CW47" s="1054"/>
      <c r="CX47" s="1055"/>
      <c r="CY47" s="1055"/>
      <c r="CZ47" s="1055"/>
      <c r="DA47" s="1056"/>
      <c r="DB47" s="1054"/>
      <c r="DC47" s="1055"/>
      <c r="DD47" s="1055"/>
      <c r="DE47" s="1055"/>
      <c r="DF47" s="1056"/>
      <c r="DG47" s="1054"/>
      <c r="DH47" s="1055"/>
      <c r="DI47" s="1055"/>
      <c r="DJ47" s="1055"/>
      <c r="DK47" s="1056"/>
      <c r="DL47" s="1054"/>
      <c r="DM47" s="1055"/>
      <c r="DN47" s="1055"/>
      <c r="DO47" s="1055"/>
      <c r="DP47" s="1056"/>
      <c r="DQ47" s="1054"/>
      <c r="DR47" s="1055"/>
      <c r="DS47" s="1055"/>
      <c r="DT47" s="1055"/>
      <c r="DU47" s="1056"/>
      <c r="DV47" s="1057"/>
      <c r="DW47" s="1058"/>
      <c r="DX47" s="1058"/>
      <c r="DY47" s="1058"/>
      <c r="DZ47" s="1059"/>
      <c r="EA47" s="226"/>
    </row>
    <row r="48" spans="1:131" ht="26.25" customHeight="1" x14ac:dyDescent="0.2">
      <c r="A48" s="234">
        <v>21</v>
      </c>
      <c r="B48" s="1095"/>
      <c r="C48" s="1096"/>
      <c r="D48" s="1096"/>
      <c r="E48" s="1096"/>
      <c r="F48" s="1096"/>
      <c r="G48" s="1096"/>
      <c r="H48" s="1096"/>
      <c r="I48" s="1096"/>
      <c r="J48" s="1096"/>
      <c r="K48" s="1096"/>
      <c r="L48" s="1096"/>
      <c r="M48" s="1096"/>
      <c r="N48" s="1096"/>
      <c r="O48" s="1096"/>
      <c r="P48" s="1097"/>
      <c r="Q48" s="1103"/>
      <c r="R48" s="1104"/>
      <c r="S48" s="1104"/>
      <c r="T48" s="1104"/>
      <c r="U48" s="1104"/>
      <c r="V48" s="1104"/>
      <c r="W48" s="1104"/>
      <c r="X48" s="1104"/>
      <c r="Y48" s="1104"/>
      <c r="Z48" s="1104"/>
      <c r="AA48" s="1104"/>
      <c r="AB48" s="1104"/>
      <c r="AC48" s="1104"/>
      <c r="AD48" s="1104"/>
      <c r="AE48" s="1105"/>
      <c r="AF48" s="1100"/>
      <c r="AG48" s="1101"/>
      <c r="AH48" s="1101"/>
      <c r="AI48" s="1101"/>
      <c r="AJ48" s="1102"/>
      <c r="AK48" s="1045"/>
      <c r="AL48" s="1036"/>
      <c r="AM48" s="1036"/>
      <c r="AN48" s="1036"/>
      <c r="AO48" s="1036"/>
      <c r="AP48" s="1036"/>
      <c r="AQ48" s="1036"/>
      <c r="AR48" s="1036"/>
      <c r="AS48" s="1036"/>
      <c r="AT48" s="1036"/>
      <c r="AU48" s="1036"/>
      <c r="AV48" s="1036"/>
      <c r="AW48" s="1036"/>
      <c r="AX48" s="1036"/>
      <c r="AY48" s="1036"/>
      <c r="AZ48" s="1106"/>
      <c r="BA48" s="1106"/>
      <c r="BB48" s="1106"/>
      <c r="BC48" s="1106"/>
      <c r="BD48" s="1106"/>
      <c r="BE48" s="1037"/>
      <c r="BF48" s="1037"/>
      <c r="BG48" s="1037"/>
      <c r="BH48" s="1037"/>
      <c r="BI48" s="1038"/>
      <c r="BJ48" s="228"/>
      <c r="BK48" s="228"/>
      <c r="BL48" s="228"/>
      <c r="BM48" s="228"/>
      <c r="BN48" s="228"/>
      <c r="BO48" s="237"/>
      <c r="BP48" s="237"/>
      <c r="BQ48" s="234">
        <v>42</v>
      </c>
      <c r="BR48" s="235"/>
      <c r="BS48" s="1057"/>
      <c r="BT48" s="1058"/>
      <c r="BU48" s="1058"/>
      <c r="BV48" s="1058"/>
      <c r="BW48" s="1058"/>
      <c r="BX48" s="1058"/>
      <c r="BY48" s="1058"/>
      <c r="BZ48" s="1058"/>
      <c r="CA48" s="1058"/>
      <c r="CB48" s="1058"/>
      <c r="CC48" s="1058"/>
      <c r="CD48" s="1058"/>
      <c r="CE48" s="1058"/>
      <c r="CF48" s="1058"/>
      <c r="CG48" s="1079"/>
      <c r="CH48" s="1054"/>
      <c r="CI48" s="1055"/>
      <c r="CJ48" s="1055"/>
      <c r="CK48" s="1055"/>
      <c r="CL48" s="1056"/>
      <c r="CM48" s="1054"/>
      <c r="CN48" s="1055"/>
      <c r="CO48" s="1055"/>
      <c r="CP48" s="1055"/>
      <c r="CQ48" s="1056"/>
      <c r="CR48" s="1054"/>
      <c r="CS48" s="1055"/>
      <c r="CT48" s="1055"/>
      <c r="CU48" s="1055"/>
      <c r="CV48" s="1056"/>
      <c r="CW48" s="1054"/>
      <c r="CX48" s="1055"/>
      <c r="CY48" s="1055"/>
      <c r="CZ48" s="1055"/>
      <c r="DA48" s="1056"/>
      <c r="DB48" s="1054"/>
      <c r="DC48" s="1055"/>
      <c r="DD48" s="1055"/>
      <c r="DE48" s="1055"/>
      <c r="DF48" s="1056"/>
      <c r="DG48" s="1054"/>
      <c r="DH48" s="1055"/>
      <c r="DI48" s="1055"/>
      <c r="DJ48" s="1055"/>
      <c r="DK48" s="1056"/>
      <c r="DL48" s="1054"/>
      <c r="DM48" s="1055"/>
      <c r="DN48" s="1055"/>
      <c r="DO48" s="1055"/>
      <c r="DP48" s="1056"/>
      <c r="DQ48" s="1054"/>
      <c r="DR48" s="1055"/>
      <c r="DS48" s="1055"/>
      <c r="DT48" s="1055"/>
      <c r="DU48" s="1056"/>
      <c r="DV48" s="1057"/>
      <c r="DW48" s="1058"/>
      <c r="DX48" s="1058"/>
      <c r="DY48" s="1058"/>
      <c r="DZ48" s="1059"/>
      <c r="EA48" s="226"/>
    </row>
    <row r="49" spans="1:131" ht="26.25" customHeight="1" x14ac:dyDescent="0.2">
      <c r="A49" s="234">
        <v>22</v>
      </c>
      <c r="B49" s="1095"/>
      <c r="C49" s="1096"/>
      <c r="D49" s="1096"/>
      <c r="E49" s="1096"/>
      <c r="F49" s="1096"/>
      <c r="G49" s="1096"/>
      <c r="H49" s="1096"/>
      <c r="I49" s="1096"/>
      <c r="J49" s="1096"/>
      <c r="K49" s="1096"/>
      <c r="L49" s="1096"/>
      <c r="M49" s="1096"/>
      <c r="N49" s="1096"/>
      <c r="O49" s="1096"/>
      <c r="P49" s="1097"/>
      <c r="Q49" s="1103"/>
      <c r="R49" s="1104"/>
      <c r="S49" s="1104"/>
      <c r="T49" s="1104"/>
      <c r="U49" s="1104"/>
      <c r="V49" s="1104"/>
      <c r="W49" s="1104"/>
      <c r="X49" s="1104"/>
      <c r="Y49" s="1104"/>
      <c r="Z49" s="1104"/>
      <c r="AA49" s="1104"/>
      <c r="AB49" s="1104"/>
      <c r="AC49" s="1104"/>
      <c r="AD49" s="1104"/>
      <c r="AE49" s="1105"/>
      <c r="AF49" s="1100"/>
      <c r="AG49" s="1101"/>
      <c r="AH49" s="1101"/>
      <c r="AI49" s="1101"/>
      <c r="AJ49" s="1102"/>
      <c r="AK49" s="1045"/>
      <c r="AL49" s="1036"/>
      <c r="AM49" s="1036"/>
      <c r="AN49" s="1036"/>
      <c r="AO49" s="1036"/>
      <c r="AP49" s="1036"/>
      <c r="AQ49" s="1036"/>
      <c r="AR49" s="1036"/>
      <c r="AS49" s="1036"/>
      <c r="AT49" s="1036"/>
      <c r="AU49" s="1036"/>
      <c r="AV49" s="1036"/>
      <c r="AW49" s="1036"/>
      <c r="AX49" s="1036"/>
      <c r="AY49" s="1036"/>
      <c r="AZ49" s="1106"/>
      <c r="BA49" s="1106"/>
      <c r="BB49" s="1106"/>
      <c r="BC49" s="1106"/>
      <c r="BD49" s="1106"/>
      <c r="BE49" s="1037"/>
      <c r="BF49" s="1037"/>
      <c r="BG49" s="1037"/>
      <c r="BH49" s="1037"/>
      <c r="BI49" s="1038"/>
      <c r="BJ49" s="228"/>
      <c r="BK49" s="228"/>
      <c r="BL49" s="228"/>
      <c r="BM49" s="228"/>
      <c r="BN49" s="228"/>
      <c r="BO49" s="237"/>
      <c r="BP49" s="237"/>
      <c r="BQ49" s="234">
        <v>43</v>
      </c>
      <c r="BR49" s="235"/>
      <c r="BS49" s="1057"/>
      <c r="BT49" s="1058"/>
      <c r="BU49" s="1058"/>
      <c r="BV49" s="1058"/>
      <c r="BW49" s="1058"/>
      <c r="BX49" s="1058"/>
      <c r="BY49" s="1058"/>
      <c r="BZ49" s="1058"/>
      <c r="CA49" s="1058"/>
      <c r="CB49" s="1058"/>
      <c r="CC49" s="1058"/>
      <c r="CD49" s="1058"/>
      <c r="CE49" s="1058"/>
      <c r="CF49" s="1058"/>
      <c r="CG49" s="1079"/>
      <c r="CH49" s="1054"/>
      <c r="CI49" s="1055"/>
      <c r="CJ49" s="1055"/>
      <c r="CK49" s="1055"/>
      <c r="CL49" s="1056"/>
      <c r="CM49" s="1054"/>
      <c r="CN49" s="1055"/>
      <c r="CO49" s="1055"/>
      <c r="CP49" s="1055"/>
      <c r="CQ49" s="1056"/>
      <c r="CR49" s="1054"/>
      <c r="CS49" s="1055"/>
      <c r="CT49" s="1055"/>
      <c r="CU49" s="1055"/>
      <c r="CV49" s="1056"/>
      <c r="CW49" s="1054"/>
      <c r="CX49" s="1055"/>
      <c r="CY49" s="1055"/>
      <c r="CZ49" s="1055"/>
      <c r="DA49" s="1056"/>
      <c r="DB49" s="1054"/>
      <c r="DC49" s="1055"/>
      <c r="DD49" s="1055"/>
      <c r="DE49" s="1055"/>
      <c r="DF49" s="1056"/>
      <c r="DG49" s="1054"/>
      <c r="DH49" s="1055"/>
      <c r="DI49" s="1055"/>
      <c r="DJ49" s="1055"/>
      <c r="DK49" s="1056"/>
      <c r="DL49" s="1054"/>
      <c r="DM49" s="1055"/>
      <c r="DN49" s="1055"/>
      <c r="DO49" s="1055"/>
      <c r="DP49" s="1056"/>
      <c r="DQ49" s="1054"/>
      <c r="DR49" s="1055"/>
      <c r="DS49" s="1055"/>
      <c r="DT49" s="1055"/>
      <c r="DU49" s="1056"/>
      <c r="DV49" s="1057"/>
      <c r="DW49" s="1058"/>
      <c r="DX49" s="1058"/>
      <c r="DY49" s="1058"/>
      <c r="DZ49" s="1059"/>
      <c r="EA49" s="226"/>
    </row>
    <row r="50" spans="1:131" ht="26.25" customHeight="1" x14ac:dyDescent="0.2">
      <c r="A50" s="234">
        <v>23</v>
      </c>
      <c r="B50" s="1095"/>
      <c r="C50" s="1096"/>
      <c r="D50" s="1096"/>
      <c r="E50" s="1096"/>
      <c r="F50" s="1096"/>
      <c r="G50" s="1096"/>
      <c r="H50" s="1096"/>
      <c r="I50" s="1096"/>
      <c r="J50" s="1096"/>
      <c r="K50" s="1096"/>
      <c r="L50" s="1096"/>
      <c r="M50" s="1096"/>
      <c r="N50" s="1096"/>
      <c r="O50" s="1096"/>
      <c r="P50" s="1097"/>
      <c r="Q50" s="1098"/>
      <c r="R50" s="1090"/>
      <c r="S50" s="1090"/>
      <c r="T50" s="1090"/>
      <c r="U50" s="1090"/>
      <c r="V50" s="1090"/>
      <c r="W50" s="1090"/>
      <c r="X50" s="1090"/>
      <c r="Y50" s="1090"/>
      <c r="Z50" s="1090"/>
      <c r="AA50" s="1090"/>
      <c r="AB50" s="1090"/>
      <c r="AC50" s="1090"/>
      <c r="AD50" s="1090"/>
      <c r="AE50" s="1099"/>
      <c r="AF50" s="1100"/>
      <c r="AG50" s="1101"/>
      <c r="AH50" s="1101"/>
      <c r="AI50" s="1101"/>
      <c r="AJ50" s="1102"/>
      <c r="AK50" s="1089"/>
      <c r="AL50" s="1090"/>
      <c r="AM50" s="1090"/>
      <c r="AN50" s="1090"/>
      <c r="AO50" s="1090"/>
      <c r="AP50" s="1090"/>
      <c r="AQ50" s="1090"/>
      <c r="AR50" s="1090"/>
      <c r="AS50" s="1090"/>
      <c r="AT50" s="1090"/>
      <c r="AU50" s="1090"/>
      <c r="AV50" s="1090"/>
      <c r="AW50" s="1090"/>
      <c r="AX50" s="1090"/>
      <c r="AY50" s="1090"/>
      <c r="AZ50" s="1091"/>
      <c r="BA50" s="1091"/>
      <c r="BB50" s="1091"/>
      <c r="BC50" s="1091"/>
      <c r="BD50" s="1091"/>
      <c r="BE50" s="1037"/>
      <c r="BF50" s="1037"/>
      <c r="BG50" s="1037"/>
      <c r="BH50" s="1037"/>
      <c r="BI50" s="1038"/>
      <c r="BJ50" s="228"/>
      <c r="BK50" s="228"/>
      <c r="BL50" s="228"/>
      <c r="BM50" s="228"/>
      <c r="BN50" s="228"/>
      <c r="BO50" s="237"/>
      <c r="BP50" s="237"/>
      <c r="BQ50" s="234">
        <v>44</v>
      </c>
      <c r="BR50" s="235"/>
      <c r="BS50" s="1057"/>
      <c r="BT50" s="1058"/>
      <c r="BU50" s="1058"/>
      <c r="BV50" s="1058"/>
      <c r="BW50" s="1058"/>
      <c r="BX50" s="1058"/>
      <c r="BY50" s="1058"/>
      <c r="BZ50" s="1058"/>
      <c r="CA50" s="1058"/>
      <c r="CB50" s="1058"/>
      <c r="CC50" s="1058"/>
      <c r="CD50" s="1058"/>
      <c r="CE50" s="1058"/>
      <c r="CF50" s="1058"/>
      <c r="CG50" s="1079"/>
      <c r="CH50" s="1054"/>
      <c r="CI50" s="1055"/>
      <c r="CJ50" s="1055"/>
      <c r="CK50" s="1055"/>
      <c r="CL50" s="1056"/>
      <c r="CM50" s="1054"/>
      <c r="CN50" s="1055"/>
      <c r="CO50" s="1055"/>
      <c r="CP50" s="1055"/>
      <c r="CQ50" s="1056"/>
      <c r="CR50" s="1054"/>
      <c r="CS50" s="1055"/>
      <c r="CT50" s="1055"/>
      <c r="CU50" s="1055"/>
      <c r="CV50" s="1056"/>
      <c r="CW50" s="1054"/>
      <c r="CX50" s="1055"/>
      <c r="CY50" s="1055"/>
      <c r="CZ50" s="1055"/>
      <c r="DA50" s="1056"/>
      <c r="DB50" s="1054"/>
      <c r="DC50" s="1055"/>
      <c r="DD50" s="1055"/>
      <c r="DE50" s="1055"/>
      <c r="DF50" s="1056"/>
      <c r="DG50" s="1054"/>
      <c r="DH50" s="1055"/>
      <c r="DI50" s="1055"/>
      <c r="DJ50" s="1055"/>
      <c r="DK50" s="1056"/>
      <c r="DL50" s="1054"/>
      <c r="DM50" s="1055"/>
      <c r="DN50" s="1055"/>
      <c r="DO50" s="1055"/>
      <c r="DP50" s="1056"/>
      <c r="DQ50" s="1054"/>
      <c r="DR50" s="1055"/>
      <c r="DS50" s="1055"/>
      <c r="DT50" s="1055"/>
      <c r="DU50" s="1056"/>
      <c r="DV50" s="1057"/>
      <c r="DW50" s="1058"/>
      <c r="DX50" s="1058"/>
      <c r="DY50" s="1058"/>
      <c r="DZ50" s="1059"/>
      <c r="EA50" s="226"/>
    </row>
    <row r="51" spans="1:131" ht="26.25" customHeight="1" x14ac:dyDescent="0.2">
      <c r="A51" s="234">
        <v>24</v>
      </c>
      <c r="B51" s="1095"/>
      <c r="C51" s="1096"/>
      <c r="D51" s="1096"/>
      <c r="E51" s="1096"/>
      <c r="F51" s="1096"/>
      <c r="G51" s="1096"/>
      <c r="H51" s="1096"/>
      <c r="I51" s="1096"/>
      <c r="J51" s="1096"/>
      <c r="K51" s="1096"/>
      <c r="L51" s="1096"/>
      <c r="M51" s="1096"/>
      <c r="N51" s="1096"/>
      <c r="O51" s="1096"/>
      <c r="P51" s="1097"/>
      <c r="Q51" s="1098"/>
      <c r="R51" s="1090"/>
      <c r="S51" s="1090"/>
      <c r="T51" s="1090"/>
      <c r="U51" s="1090"/>
      <c r="V51" s="1090"/>
      <c r="W51" s="1090"/>
      <c r="X51" s="1090"/>
      <c r="Y51" s="1090"/>
      <c r="Z51" s="1090"/>
      <c r="AA51" s="1090"/>
      <c r="AB51" s="1090"/>
      <c r="AC51" s="1090"/>
      <c r="AD51" s="1090"/>
      <c r="AE51" s="1099"/>
      <c r="AF51" s="1100"/>
      <c r="AG51" s="1101"/>
      <c r="AH51" s="1101"/>
      <c r="AI51" s="1101"/>
      <c r="AJ51" s="1102"/>
      <c r="AK51" s="1089"/>
      <c r="AL51" s="1090"/>
      <c r="AM51" s="1090"/>
      <c r="AN51" s="1090"/>
      <c r="AO51" s="1090"/>
      <c r="AP51" s="1090"/>
      <c r="AQ51" s="1090"/>
      <c r="AR51" s="1090"/>
      <c r="AS51" s="1090"/>
      <c r="AT51" s="1090"/>
      <c r="AU51" s="1090"/>
      <c r="AV51" s="1090"/>
      <c r="AW51" s="1090"/>
      <c r="AX51" s="1090"/>
      <c r="AY51" s="1090"/>
      <c r="AZ51" s="1091"/>
      <c r="BA51" s="1091"/>
      <c r="BB51" s="1091"/>
      <c r="BC51" s="1091"/>
      <c r="BD51" s="1091"/>
      <c r="BE51" s="1037"/>
      <c r="BF51" s="1037"/>
      <c r="BG51" s="1037"/>
      <c r="BH51" s="1037"/>
      <c r="BI51" s="1038"/>
      <c r="BJ51" s="228"/>
      <c r="BK51" s="228"/>
      <c r="BL51" s="228"/>
      <c r="BM51" s="228"/>
      <c r="BN51" s="228"/>
      <c r="BO51" s="237"/>
      <c r="BP51" s="237"/>
      <c r="BQ51" s="234">
        <v>45</v>
      </c>
      <c r="BR51" s="235"/>
      <c r="BS51" s="1057"/>
      <c r="BT51" s="1058"/>
      <c r="BU51" s="1058"/>
      <c r="BV51" s="1058"/>
      <c r="BW51" s="1058"/>
      <c r="BX51" s="1058"/>
      <c r="BY51" s="1058"/>
      <c r="BZ51" s="1058"/>
      <c r="CA51" s="1058"/>
      <c r="CB51" s="1058"/>
      <c r="CC51" s="1058"/>
      <c r="CD51" s="1058"/>
      <c r="CE51" s="1058"/>
      <c r="CF51" s="1058"/>
      <c r="CG51" s="1079"/>
      <c r="CH51" s="1054"/>
      <c r="CI51" s="1055"/>
      <c r="CJ51" s="1055"/>
      <c r="CK51" s="1055"/>
      <c r="CL51" s="1056"/>
      <c r="CM51" s="1054"/>
      <c r="CN51" s="1055"/>
      <c r="CO51" s="1055"/>
      <c r="CP51" s="1055"/>
      <c r="CQ51" s="1056"/>
      <c r="CR51" s="1054"/>
      <c r="CS51" s="1055"/>
      <c r="CT51" s="1055"/>
      <c r="CU51" s="1055"/>
      <c r="CV51" s="1056"/>
      <c r="CW51" s="1054"/>
      <c r="CX51" s="1055"/>
      <c r="CY51" s="1055"/>
      <c r="CZ51" s="1055"/>
      <c r="DA51" s="1056"/>
      <c r="DB51" s="1054"/>
      <c r="DC51" s="1055"/>
      <c r="DD51" s="1055"/>
      <c r="DE51" s="1055"/>
      <c r="DF51" s="1056"/>
      <c r="DG51" s="1054"/>
      <c r="DH51" s="1055"/>
      <c r="DI51" s="1055"/>
      <c r="DJ51" s="1055"/>
      <c r="DK51" s="1056"/>
      <c r="DL51" s="1054"/>
      <c r="DM51" s="1055"/>
      <c r="DN51" s="1055"/>
      <c r="DO51" s="1055"/>
      <c r="DP51" s="1056"/>
      <c r="DQ51" s="1054"/>
      <c r="DR51" s="1055"/>
      <c r="DS51" s="1055"/>
      <c r="DT51" s="1055"/>
      <c r="DU51" s="1056"/>
      <c r="DV51" s="1057"/>
      <c r="DW51" s="1058"/>
      <c r="DX51" s="1058"/>
      <c r="DY51" s="1058"/>
      <c r="DZ51" s="1059"/>
      <c r="EA51" s="226"/>
    </row>
    <row r="52" spans="1:131" ht="26.25" customHeight="1" x14ac:dyDescent="0.2">
      <c r="A52" s="234">
        <v>25</v>
      </c>
      <c r="B52" s="1095"/>
      <c r="C52" s="1096"/>
      <c r="D52" s="1096"/>
      <c r="E52" s="1096"/>
      <c r="F52" s="1096"/>
      <c r="G52" s="1096"/>
      <c r="H52" s="1096"/>
      <c r="I52" s="1096"/>
      <c r="J52" s="1096"/>
      <c r="K52" s="1096"/>
      <c r="L52" s="1096"/>
      <c r="M52" s="1096"/>
      <c r="N52" s="1096"/>
      <c r="O52" s="1096"/>
      <c r="P52" s="1097"/>
      <c r="Q52" s="1098"/>
      <c r="R52" s="1090"/>
      <c r="S52" s="1090"/>
      <c r="T52" s="1090"/>
      <c r="U52" s="1090"/>
      <c r="V52" s="1090"/>
      <c r="W52" s="1090"/>
      <c r="X52" s="1090"/>
      <c r="Y52" s="1090"/>
      <c r="Z52" s="1090"/>
      <c r="AA52" s="1090"/>
      <c r="AB52" s="1090"/>
      <c r="AC52" s="1090"/>
      <c r="AD52" s="1090"/>
      <c r="AE52" s="1099"/>
      <c r="AF52" s="1100"/>
      <c r="AG52" s="1101"/>
      <c r="AH52" s="1101"/>
      <c r="AI52" s="1101"/>
      <c r="AJ52" s="1102"/>
      <c r="AK52" s="1089"/>
      <c r="AL52" s="1090"/>
      <c r="AM52" s="1090"/>
      <c r="AN52" s="1090"/>
      <c r="AO52" s="1090"/>
      <c r="AP52" s="1090"/>
      <c r="AQ52" s="1090"/>
      <c r="AR52" s="1090"/>
      <c r="AS52" s="1090"/>
      <c r="AT52" s="1090"/>
      <c r="AU52" s="1090"/>
      <c r="AV52" s="1090"/>
      <c r="AW52" s="1090"/>
      <c r="AX52" s="1090"/>
      <c r="AY52" s="1090"/>
      <c r="AZ52" s="1091"/>
      <c r="BA52" s="1091"/>
      <c r="BB52" s="1091"/>
      <c r="BC52" s="1091"/>
      <c r="BD52" s="1091"/>
      <c r="BE52" s="1037"/>
      <c r="BF52" s="1037"/>
      <c r="BG52" s="1037"/>
      <c r="BH52" s="1037"/>
      <c r="BI52" s="1038"/>
      <c r="BJ52" s="228"/>
      <c r="BK52" s="228"/>
      <c r="BL52" s="228"/>
      <c r="BM52" s="228"/>
      <c r="BN52" s="228"/>
      <c r="BO52" s="237"/>
      <c r="BP52" s="237"/>
      <c r="BQ52" s="234">
        <v>46</v>
      </c>
      <c r="BR52" s="235"/>
      <c r="BS52" s="1057"/>
      <c r="BT52" s="1058"/>
      <c r="BU52" s="1058"/>
      <c r="BV52" s="1058"/>
      <c r="BW52" s="1058"/>
      <c r="BX52" s="1058"/>
      <c r="BY52" s="1058"/>
      <c r="BZ52" s="1058"/>
      <c r="CA52" s="1058"/>
      <c r="CB52" s="1058"/>
      <c r="CC52" s="1058"/>
      <c r="CD52" s="1058"/>
      <c r="CE52" s="1058"/>
      <c r="CF52" s="1058"/>
      <c r="CG52" s="1079"/>
      <c r="CH52" s="1054"/>
      <c r="CI52" s="1055"/>
      <c r="CJ52" s="1055"/>
      <c r="CK52" s="1055"/>
      <c r="CL52" s="1056"/>
      <c r="CM52" s="1054"/>
      <c r="CN52" s="1055"/>
      <c r="CO52" s="1055"/>
      <c r="CP52" s="1055"/>
      <c r="CQ52" s="1056"/>
      <c r="CR52" s="1054"/>
      <c r="CS52" s="1055"/>
      <c r="CT52" s="1055"/>
      <c r="CU52" s="1055"/>
      <c r="CV52" s="1056"/>
      <c r="CW52" s="1054"/>
      <c r="CX52" s="1055"/>
      <c r="CY52" s="1055"/>
      <c r="CZ52" s="1055"/>
      <c r="DA52" s="1056"/>
      <c r="DB52" s="1054"/>
      <c r="DC52" s="1055"/>
      <c r="DD52" s="1055"/>
      <c r="DE52" s="1055"/>
      <c r="DF52" s="1056"/>
      <c r="DG52" s="1054"/>
      <c r="DH52" s="1055"/>
      <c r="DI52" s="1055"/>
      <c r="DJ52" s="1055"/>
      <c r="DK52" s="1056"/>
      <c r="DL52" s="1054"/>
      <c r="DM52" s="1055"/>
      <c r="DN52" s="1055"/>
      <c r="DO52" s="1055"/>
      <c r="DP52" s="1056"/>
      <c r="DQ52" s="1054"/>
      <c r="DR52" s="1055"/>
      <c r="DS52" s="1055"/>
      <c r="DT52" s="1055"/>
      <c r="DU52" s="1056"/>
      <c r="DV52" s="1057"/>
      <c r="DW52" s="1058"/>
      <c r="DX52" s="1058"/>
      <c r="DY52" s="1058"/>
      <c r="DZ52" s="1059"/>
      <c r="EA52" s="226"/>
    </row>
    <row r="53" spans="1:131" ht="26.25" customHeight="1" x14ac:dyDescent="0.2">
      <c r="A53" s="234">
        <v>26</v>
      </c>
      <c r="B53" s="1095"/>
      <c r="C53" s="1096"/>
      <c r="D53" s="1096"/>
      <c r="E53" s="1096"/>
      <c r="F53" s="1096"/>
      <c r="G53" s="1096"/>
      <c r="H53" s="1096"/>
      <c r="I53" s="1096"/>
      <c r="J53" s="1096"/>
      <c r="K53" s="1096"/>
      <c r="L53" s="1096"/>
      <c r="M53" s="1096"/>
      <c r="N53" s="1096"/>
      <c r="O53" s="1096"/>
      <c r="P53" s="1097"/>
      <c r="Q53" s="1098"/>
      <c r="R53" s="1090"/>
      <c r="S53" s="1090"/>
      <c r="T53" s="1090"/>
      <c r="U53" s="1090"/>
      <c r="V53" s="1090"/>
      <c r="W53" s="1090"/>
      <c r="X53" s="1090"/>
      <c r="Y53" s="1090"/>
      <c r="Z53" s="1090"/>
      <c r="AA53" s="1090"/>
      <c r="AB53" s="1090"/>
      <c r="AC53" s="1090"/>
      <c r="AD53" s="1090"/>
      <c r="AE53" s="1099"/>
      <c r="AF53" s="1100"/>
      <c r="AG53" s="1101"/>
      <c r="AH53" s="1101"/>
      <c r="AI53" s="1101"/>
      <c r="AJ53" s="1102"/>
      <c r="AK53" s="1089"/>
      <c r="AL53" s="1090"/>
      <c r="AM53" s="1090"/>
      <c r="AN53" s="1090"/>
      <c r="AO53" s="1090"/>
      <c r="AP53" s="1090"/>
      <c r="AQ53" s="1090"/>
      <c r="AR53" s="1090"/>
      <c r="AS53" s="1090"/>
      <c r="AT53" s="1090"/>
      <c r="AU53" s="1090"/>
      <c r="AV53" s="1090"/>
      <c r="AW53" s="1090"/>
      <c r="AX53" s="1090"/>
      <c r="AY53" s="1090"/>
      <c r="AZ53" s="1091"/>
      <c r="BA53" s="1091"/>
      <c r="BB53" s="1091"/>
      <c r="BC53" s="1091"/>
      <c r="BD53" s="1091"/>
      <c r="BE53" s="1037"/>
      <c r="BF53" s="1037"/>
      <c r="BG53" s="1037"/>
      <c r="BH53" s="1037"/>
      <c r="BI53" s="1038"/>
      <c r="BJ53" s="228"/>
      <c r="BK53" s="228"/>
      <c r="BL53" s="228"/>
      <c r="BM53" s="228"/>
      <c r="BN53" s="228"/>
      <c r="BO53" s="237"/>
      <c r="BP53" s="237"/>
      <c r="BQ53" s="234">
        <v>47</v>
      </c>
      <c r="BR53" s="235"/>
      <c r="BS53" s="1057"/>
      <c r="BT53" s="1058"/>
      <c r="BU53" s="1058"/>
      <c r="BV53" s="1058"/>
      <c r="BW53" s="1058"/>
      <c r="BX53" s="1058"/>
      <c r="BY53" s="1058"/>
      <c r="BZ53" s="1058"/>
      <c r="CA53" s="1058"/>
      <c r="CB53" s="1058"/>
      <c r="CC53" s="1058"/>
      <c r="CD53" s="1058"/>
      <c r="CE53" s="1058"/>
      <c r="CF53" s="1058"/>
      <c r="CG53" s="1079"/>
      <c r="CH53" s="1054"/>
      <c r="CI53" s="1055"/>
      <c r="CJ53" s="1055"/>
      <c r="CK53" s="1055"/>
      <c r="CL53" s="1056"/>
      <c r="CM53" s="1054"/>
      <c r="CN53" s="1055"/>
      <c r="CO53" s="1055"/>
      <c r="CP53" s="1055"/>
      <c r="CQ53" s="1056"/>
      <c r="CR53" s="1054"/>
      <c r="CS53" s="1055"/>
      <c r="CT53" s="1055"/>
      <c r="CU53" s="1055"/>
      <c r="CV53" s="1056"/>
      <c r="CW53" s="1054"/>
      <c r="CX53" s="1055"/>
      <c r="CY53" s="1055"/>
      <c r="CZ53" s="1055"/>
      <c r="DA53" s="1056"/>
      <c r="DB53" s="1054"/>
      <c r="DC53" s="1055"/>
      <c r="DD53" s="1055"/>
      <c r="DE53" s="1055"/>
      <c r="DF53" s="1056"/>
      <c r="DG53" s="1054"/>
      <c r="DH53" s="1055"/>
      <c r="DI53" s="1055"/>
      <c r="DJ53" s="1055"/>
      <c r="DK53" s="1056"/>
      <c r="DL53" s="1054"/>
      <c r="DM53" s="1055"/>
      <c r="DN53" s="1055"/>
      <c r="DO53" s="1055"/>
      <c r="DP53" s="1056"/>
      <c r="DQ53" s="1054"/>
      <c r="DR53" s="1055"/>
      <c r="DS53" s="1055"/>
      <c r="DT53" s="1055"/>
      <c r="DU53" s="1056"/>
      <c r="DV53" s="1057"/>
      <c r="DW53" s="1058"/>
      <c r="DX53" s="1058"/>
      <c r="DY53" s="1058"/>
      <c r="DZ53" s="1059"/>
      <c r="EA53" s="226"/>
    </row>
    <row r="54" spans="1:131" ht="26.25" customHeight="1" x14ac:dyDescent="0.2">
      <c r="A54" s="234">
        <v>27</v>
      </c>
      <c r="B54" s="1095"/>
      <c r="C54" s="1096"/>
      <c r="D54" s="1096"/>
      <c r="E54" s="1096"/>
      <c r="F54" s="1096"/>
      <c r="G54" s="1096"/>
      <c r="H54" s="1096"/>
      <c r="I54" s="1096"/>
      <c r="J54" s="1096"/>
      <c r="K54" s="1096"/>
      <c r="L54" s="1096"/>
      <c r="M54" s="1096"/>
      <c r="N54" s="1096"/>
      <c r="O54" s="1096"/>
      <c r="P54" s="1097"/>
      <c r="Q54" s="1098"/>
      <c r="R54" s="1090"/>
      <c r="S54" s="1090"/>
      <c r="T54" s="1090"/>
      <c r="U54" s="1090"/>
      <c r="V54" s="1090"/>
      <c r="W54" s="1090"/>
      <c r="X54" s="1090"/>
      <c r="Y54" s="1090"/>
      <c r="Z54" s="1090"/>
      <c r="AA54" s="1090"/>
      <c r="AB54" s="1090"/>
      <c r="AC54" s="1090"/>
      <c r="AD54" s="1090"/>
      <c r="AE54" s="1099"/>
      <c r="AF54" s="1100"/>
      <c r="AG54" s="1101"/>
      <c r="AH54" s="1101"/>
      <c r="AI54" s="1101"/>
      <c r="AJ54" s="1102"/>
      <c r="AK54" s="1089"/>
      <c r="AL54" s="1090"/>
      <c r="AM54" s="1090"/>
      <c r="AN54" s="1090"/>
      <c r="AO54" s="1090"/>
      <c r="AP54" s="1090"/>
      <c r="AQ54" s="1090"/>
      <c r="AR54" s="1090"/>
      <c r="AS54" s="1090"/>
      <c r="AT54" s="1090"/>
      <c r="AU54" s="1090"/>
      <c r="AV54" s="1090"/>
      <c r="AW54" s="1090"/>
      <c r="AX54" s="1090"/>
      <c r="AY54" s="1090"/>
      <c r="AZ54" s="1091"/>
      <c r="BA54" s="1091"/>
      <c r="BB54" s="1091"/>
      <c r="BC54" s="1091"/>
      <c r="BD54" s="1091"/>
      <c r="BE54" s="1037"/>
      <c r="BF54" s="1037"/>
      <c r="BG54" s="1037"/>
      <c r="BH54" s="1037"/>
      <c r="BI54" s="1038"/>
      <c r="BJ54" s="228"/>
      <c r="BK54" s="228"/>
      <c r="BL54" s="228"/>
      <c r="BM54" s="228"/>
      <c r="BN54" s="228"/>
      <c r="BO54" s="237"/>
      <c r="BP54" s="237"/>
      <c r="BQ54" s="234">
        <v>48</v>
      </c>
      <c r="BR54" s="235"/>
      <c r="BS54" s="1057"/>
      <c r="BT54" s="1058"/>
      <c r="BU54" s="1058"/>
      <c r="BV54" s="1058"/>
      <c r="BW54" s="1058"/>
      <c r="BX54" s="1058"/>
      <c r="BY54" s="1058"/>
      <c r="BZ54" s="1058"/>
      <c r="CA54" s="1058"/>
      <c r="CB54" s="1058"/>
      <c r="CC54" s="1058"/>
      <c r="CD54" s="1058"/>
      <c r="CE54" s="1058"/>
      <c r="CF54" s="1058"/>
      <c r="CG54" s="1079"/>
      <c r="CH54" s="1054"/>
      <c r="CI54" s="1055"/>
      <c r="CJ54" s="1055"/>
      <c r="CK54" s="1055"/>
      <c r="CL54" s="1056"/>
      <c r="CM54" s="1054"/>
      <c r="CN54" s="1055"/>
      <c r="CO54" s="1055"/>
      <c r="CP54" s="1055"/>
      <c r="CQ54" s="1056"/>
      <c r="CR54" s="1054"/>
      <c r="CS54" s="1055"/>
      <c r="CT54" s="1055"/>
      <c r="CU54" s="1055"/>
      <c r="CV54" s="1056"/>
      <c r="CW54" s="1054"/>
      <c r="CX54" s="1055"/>
      <c r="CY54" s="1055"/>
      <c r="CZ54" s="1055"/>
      <c r="DA54" s="1056"/>
      <c r="DB54" s="1054"/>
      <c r="DC54" s="1055"/>
      <c r="DD54" s="1055"/>
      <c r="DE54" s="1055"/>
      <c r="DF54" s="1056"/>
      <c r="DG54" s="1054"/>
      <c r="DH54" s="1055"/>
      <c r="DI54" s="1055"/>
      <c r="DJ54" s="1055"/>
      <c r="DK54" s="1056"/>
      <c r="DL54" s="1054"/>
      <c r="DM54" s="1055"/>
      <c r="DN54" s="1055"/>
      <c r="DO54" s="1055"/>
      <c r="DP54" s="1056"/>
      <c r="DQ54" s="1054"/>
      <c r="DR54" s="1055"/>
      <c r="DS54" s="1055"/>
      <c r="DT54" s="1055"/>
      <c r="DU54" s="1056"/>
      <c r="DV54" s="1057"/>
      <c r="DW54" s="1058"/>
      <c r="DX54" s="1058"/>
      <c r="DY54" s="1058"/>
      <c r="DZ54" s="1059"/>
      <c r="EA54" s="226"/>
    </row>
    <row r="55" spans="1:131" ht="26.25" customHeight="1" x14ac:dyDescent="0.2">
      <c r="A55" s="234">
        <v>28</v>
      </c>
      <c r="B55" s="1095"/>
      <c r="C55" s="1096"/>
      <c r="D55" s="1096"/>
      <c r="E55" s="1096"/>
      <c r="F55" s="1096"/>
      <c r="G55" s="1096"/>
      <c r="H55" s="1096"/>
      <c r="I55" s="1096"/>
      <c r="J55" s="1096"/>
      <c r="K55" s="1096"/>
      <c r="L55" s="1096"/>
      <c r="M55" s="1096"/>
      <c r="N55" s="1096"/>
      <c r="O55" s="1096"/>
      <c r="P55" s="1097"/>
      <c r="Q55" s="1098"/>
      <c r="R55" s="1090"/>
      <c r="S55" s="1090"/>
      <c r="T55" s="1090"/>
      <c r="U55" s="1090"/>
      <c r="V55" s="1090"/>
      <c r="W55" s="1090"/>
      <c r="X55" s="1090"/>
      <c r="Y55" s="1090"/>
      <c r="Z55" s="1090"/>
      <c r="AA55" s="1090"/>
      <c r="AB55" s="1090"/>
      <c r="AC55" s="1090"/>
      <c r="AD55" s="1090"/>
      <c r="AE55" s="1099"/>
      <c r="AF55" s="1100"/>
      <c r="AG55" s="1101"/>
      <c r="AH55" s="1101"/>
      <c r="AI55" s="1101"/>
      <c r="AJ55" s="1102"/>
      <c r="AK55" s="1089"/>
      <c r="AL55" s="1090"/>
      <c r="AM55" s="1090"/>
      <c r="AN55" s="1090"/>
      <c r="AO55" s="1090"/>
      <c r="AP55" s="1090"/>
      <c r="AQ55" s="1090"/>
      <c r="AR55" s="1090"/>
      <c r="AS55" s="1090"/>
      <c r="AT55" s="1090"/>
      <c r="AU55" s="1090"/>
      <c r="AV55" s="1090"/>
      <c r="AW55" s="1090"/>
      <c r="AX55" s="1090"/>
      <c r="AY55" s="1090"/>
      <c r="AZ55" s="1091"/>
      <c r="BA55" s="1091"/>
      <c r="BB55" s="1091"/>
      <c r="BC55" s="1091"/>
      <c r="BD55" s="1091"/>
      <c r="BE55" s="1037"/>
      <c r="BF55" s="1037"/>
      <c r="BG55" s="1037"/>
      <c r="BH55" s="1037"/>
      <c r="BI55" s="1038"/>
      <c r="BJ55" s="228"/>
      <c r="BK55" s="228"/>
      <c r="BL55" s="228"/>
      <c r="BM55" s="228"/>
      <c r="BN55" s="228"/>
      <c r="BO55" s="237"/>
      <c r="BP55" s="237"/>
      <c r="BQ55" s="234">
        <v>49</v>
      </c>
      <c r="BR55" s="235"/>
      <c r="BS55" s="1057"/>
      <c r="BT55" s="1058"/>
      <c r="BU55" s="1058"/>
      <c r="BV55" s="1058"/>
      <c r="BW55" s="1058"/>
      <c r="BX55" s="1058"/>
      <c r="BY55" s="1058"/>
      <c r="BZ55" s="1058"/>
      <c r="CA55" s="1058"/>
      <c r="CB55" s="1058"/>
      <c r="CC55" s="1058"/>
      <c r="CD55" s="1058"/>
      <c r="CE55" s="1058"/>
      <c r="CF55" s="1058"/>
      <c r="CG55" s="1079"/>
      <c r="CH55" s="1054"/>
      <c r="CI55" s="1055"/>
      <c r="CJ55" s="1055"/>
      <c r="CK55" s="1055"/>
      <c r="CL55" s="1056"/>
      <c r="CM55" s="1054"/>
      <c r="CN55" s="1055"/>
      <c r="CO55" s="1055"/>
      <c r="CP55" s="1055"/>
      <c r="CQ55" s="1056"/>
      <c r="CR55" s="1054"/>
      <c r="CS55" s="1055"/>
      <c r="CT55" s="1055"/>
      <c r="CU55" s="1055"/>
      <c r="CV55" s="1056"/>
      <c r="CW55" s="1054"/>
      <c r="CX55" s="1055"/>
      <c r="CY55" s="1055"/>
      <c r="CZ55" s="1055"/>
      <c r="DA55" s="1056"/>
      <c r="DB55" s="1054"/>
      <c r="DC55" s="1055"/>
      <c r="DD55" s="1055"/>
      <c r="DE55" s="1055"/>
      <c r="DF55" s="1056"/>
      <c r="DG55" s="1054"/>
      <c r="DH55" s="1055"/>
      <c r="DI55" s="1055"/>
      <c r="DJ55" s="1055"/>
      <c r="DK55" s="1056"/>
      <c r="DL55" s="1054"/>
      <c r="DM55" s="1055"/>
      <c r="DN55" s="1055"/>
      <c r="DO55" s="1055"/>
      <c r="DP55" s="1056"/>
      <c r="DQ55" s="1054"/>
      <c r="DR55" s="1055"/>
      <c r="DS55" s="1055"/>
      <c r="DT55" s="1055"/>
      <c r="DU55" s="1056"/>
      <c r="DV55" s="1057"/>
      <c r="DW55" s="1058"/>
      <c r="DX55" s="1058"/>
      <c r="DY55" s="1058"/>
      <c r="DZ55" s="1059"/>
      <c r="EA55" s="226"/>
    </row>
    <row r="56" spans="1:131" ht="26.25" customHeight="1" x14ac:dyDescent="0.2">
      <c r="A56" s="234">
        <v>29</v>
      </c>
      <c r="B56" s="1095"/>
      <c r="C56" s="1096"/>
      <c r="D56" s="1096"/>
      <c r="E56" s="1096"/>
      <c r="F56" s="1096"/>
      <c r="G56" s="1096"/>
      <c r="H56" s="1096"/>
      <c r="I56" s="1096"/>
      <c r="J56" s="1096"/>
      <c r="K56" s="1096"/>
      <c r="L56" s="1096"/>
      <c r="M56" s="1096"/>
      <c r="N56" s="1096"/>
      <c r="O56" s="1096"/>
      <c r="P56" s="1097"/>
      <c r="Q56" s="1098"/>
      <c r="R56" s="1090"/>
      <c r="S56" s="1090"/>
      <c r="T56" s="1090"/>
      <c r="U56" s="1090"/>
      <c r="V56" s="1090"/>
      <c r="W56" s="1090"/>
      <c r="X56" s="1090"/>
      <c r="Y56" s="1090"/>
      <c r="Z56" s="1090"/>
      <c r="AA56" s="1090"/>
      <c r="AB56" s="1090"/>
      <c r="AC56" s="1090"/>
      <c r="AD56" s="1090"/>
      <c r="AE56" s="1099"/>
      <c r="AF56" s="1100"/>
      <c r="AG56" s="1101"/>
      <c r="AH56" s="1101"/>
      <c r="AI56" s="1101"/>
      <c r="AJ56" s="1102"/>
      <c r="AK56" s="1089"/>
      <c r="AL56" s="1090"/>
      <c r="AM56" s="1090"/>
      <c r="AN56" s="1090"/>
      <c r="AO56" s="1090"/>
      <c r="AP56" s="1090"/>
      <c r="AQ56" s="1090"/>
      <c r="AR56" s="1090"/>
      <c r="AS56" s="1090"/>
      <c r="AT56" s="1090"/>
      <c r="AU56" s="1090"/>
      <c r="AV56" s="1090"/>
      <c r="AW56" s="1090"/>
      <c r="AX56" s="1090"/>
      <c r="AY56" s="1090"/>
      <c r="AZ56" s="1091"/>
      <c r="BA56" s="1091"/>
      <c r="BB56" s="1091"/>
      <c r="BC56" s="1091"/>
      <c r="BD56" s="1091"/>
      <c r="BE56" s="1037"/>
      <c r="BF56" s="1037"/>
      <c r="BG56" s="1037"/>
      <c r="BH56" s="1037"/>
      <c r="BI56" s="1038"/>
      <c r="BJ56" s="228"/>
      <c r="BK56" s="228"/>
      <c r="BL56" s="228"/>
      <c r="BM56" s="228"/>
      <c r="BN56" s="228"/>
      <c r="BO56" s="237"/>
      <c r="BP56" s="237"/>
      <c r="BQ56" s="234">
        <v>50</v>
      </c>
      <c r="BR56" s="235"/>
      <c r="BS56" s="1057"/>
      <c r="BT56" s="1058"/>
      <c r="BU56" s="1058"/>
      <c r="BV56" s="1058"/>
      <c r="BW56" s="1058"/>
      <c r="BX56" s="1058"/>
      <c r="BY56" s="1058"/>
      <c r="BZ56" s="1058"/>
      <c r="CA56" s="1058"/>
      <c r="CB56" s="1058"/>
      <c r="CC56" s="1058"/>
      <c r="CD56" s="1058"/>
      <c r="CE56" s="1058"/>
      <c r="CF56" s="1058"/>
      <c r="CG56" s="1079"/>
      <c r="CH56" s="1054"/>
      <c r="CI56" s="1055"/>
      <c r="CJ56" s="1055"/>
      <c r="CK56" s="1055"/>
      <c r="CL56" s="1056"/>
      <c r="CM56" s="1054"/>
      <c r="CN56" s="1055"/>
      <c r="CO56" s="1055"/>
      <c r="CP56" s="1055"/>
      <c r="CQ56" s="1056"/>
      <c r="CR56" s="1054"/>
      <c r="CS56" s="1055"/>
      <c r="CT56" s="1055"/>
      <c r="CU56" s="1055"/>
      <c r="CV56" s="1056"/>
      <c r="CW56" s="1054"/>
      <c r="CX56" s="1055"/>
      <c r="CY56" s="1055"/>
      <c r="CZ56" s="1055"/>
      <c r="DA56" s="1056"/>
      <c r="DB56" s="1054"/>
      <c r="DC56" s="1055"/>
      <c r="DD56" s="1055"/>
      <c r="DE56" s="1055"/>
      <c r="DF56" s="1056"/>
      <c r="DG56" s="1054"/>
      <c r="DH56" s="1055"/>
      <c r="DI56" s="1055"/>
      <c r="DJ56" s="1055"/>
      <c r="DK56" s="1056"/>
      <c r="DL56" s="1054"/>
      <c r="DM56" s="1055"/>
      <c r="DN56" s="1055"/>
      <c r="DO56" s="1055"/>
      <c r="DP56" s="1056"/>
      <c r="DQ56" s="1054"/>
      <c r="DR56" s="1055"/>
      <c r="DS56" s="1055"/>
      <c r="DT56" s="1055"/>
      <c r="DU56" s="1056"/>
      <c r="DV56" s="1057"/>
      <c r="DW56" s="1058"/>
      <c r="DX56" s="1058"/>
      <c r="DY56" s="1058"/>
      <c r="DZ56" s="1059"/>
      <c r="EA56" s="226"/>
    </row>
    <row r="57" spans="1:131" ht="26.25" customHeight="1" x14ac:dyDescent="0.2">
      <c r="A57" s="234">
        <v>30</v>
      </c>
      <c r="B57" s="1095"/>
      <c r="C57" s="1096"/>
      <c r="D57" s="1096"/>
      <c r="E57" s="1096"/>
      <c r="F57" s="1096"/>
      <c r="G57" s="1096"/>
      <c r="H57" s="1096"/>
      <c r="I57" s="1096"/>
      <c r="J57" s="1096"/>
      <c r="K57" s="1096"/>
      <c r="L57" s="1096"/>
      <c r="M57" s="1096"/>
      <c r="N57" s="1096"/>
      <c r="O57" s="1096"/>
      <c r="P57" s="1097"/>
      <c r="Q57" s="1098"/>
      <c r="R57" s="1090"/>
      <c r="S57" s="1090"/>
      <c r="T57" s="1090"/>
      <c r="U57" s="1090"/>
      <c r="V57" s="1090"/>
      <c r="W57" s="1090"/>
      <c r="X57" s="1090"/>
      <c r="Y57" s="1090"/>
      <c r="Z57" s="1090"/>
      <c r="AA57" s="1090"/>
      <c r="AB57" s="1090"/>
      <c r="AC57" s="1090"/>
      <c r="AD57" s="1090"/>
      <c r="AE57" s="1099"/>
      <c r="AF57" s="1100"/>
      <c r="AG57" s="1101"/>
      <c r="AH57" s="1101"/>
      <c r="AI57" s="1101"/>
      <c r="AJ57" s="1102"/>
      <c r="AK57" s="1089"/>
      <c r="AL57" s="1090"/>
      <c r="AM57" s="1090"/>
      <c r="AN57" s="1090"/>
      <c r="AO57" s="1090"/>
      <c r="AP57" s="1090"/>
      <c r="AQ57" s="1090"/>
      <c r="AR57" s="1090"/>
      <c r="AS57" s="1090"/>
      <c r="AT57" s="1090"/>
      <c r="AU57" s="1090"/>
      <c r="AV57" s="1090"/>
      <c r="AW57" s="1090"/>
      <c r="AX57" s="1090"/>
      <c r="AY57" s="1090"/>
      <c r="AZ57" s="1091"/>
      <c r="BA57" s="1091"/>
      <c r="BB57" s="1091"/>
      <c r="BC57" s="1091"/>
      <c r="BD57" s="1091"/>
      <c r="BE57" s="1037"/>
      <c r="BF57" s="1037"/>
      <c r="BG57" s="1037"/>
      <c r="BH57" s="1037"/>
      <c r="BI57" s="1038"/>
      <c r="BJ57" s="228"/>
      <c r="BK57" s="228"/>
      <c r="BL57" s="228"/>
      <c r="BM57" s="228"/>
      <c r="BN57" s="228"/>
      <c r="BO57" s="237"/>
      <c r="BP57" s="237"/>
      <c r="BQ57" s="234">
        <v>51</v>
      </c>
      <c r="BR57" s="235"/>
      <c r="BS57" s="1057"/>
      <c r="BT57" s="1058"/>
      <c r="BU57" s="1058"/>
      <c r="BV57" s="1058"/>
      <c r="BW57" s="1058"/>
      <c r="BX57" s="1058"/>
      <c r="BY57" s="1058"/>
      <c r="BZ57" s="1058"/>
      <c r="CA57" s="1058"/>
      <c r="CB57" s="1058"/>
      <c r="CC57" s="1058"/>
      <c r="CD57" s="1058"/>
      <c r="CE57" s="1058"/>
      <c r="CF57" s="1058"/>
      <c r="CG57" s="1079"/>
      <c r="CH57" s="1054"/>
      <c r="CI57" s="1055"/>
      <c r="CJ57" s="1055"/>
      <c r="CK57" s="1055"/>
      <c r="CL57" s="1056"/>
      <c r="CM57" s="1054"/>
      <c r="CN57" s="1055"/>
      <c r="CO57" s="1055"/>
      <c r="CP57" s="1055"/>
      <c r="CQ57" s="1056"/>
      <c r="CR57" s="1054"/>
      <c r="CS57" s="1055"/>
      <c r="CT57" s="1055"/>
      <c r="CU57" s="1055"/>
      <c r="CV57" s="1056"/>
      <c r="CW57" s="1054"/>
      <c r="CX57" s="1055"/>
      <c r="CY57" s="1055"/>
      <c r="CZ57" s="1055"/>
      <c r="DA57" s="1056"/>
      <c r="DB57" s="1054"/>
      <c r="DC57" s="1055"/>
      <c r="DD57" s="1055"/>
      <c r="DE57" s="1055"/>
      <c r="DF57" s="1056"/>
      <c r="DG57" s="1054"/>
      <c r="DH57" s="1055"/>
      <c r="DI57" s="1055"/>
      <c r="DJ57" s="1055"/>
      <c r="DK57" s="1056"/>
      <c r="DL57" s="1054"/>
      <c r="DM57" s="1055"/>
      <c r="DN57" s="1055"/>
      <c r="DO57" s="1055"/>
      <c r="DP57" s="1056"/>
      <c r="DQ57" s="1054"/>
      <c r="DR57" s="1055"/>
      <c r="DS57" s="1055"/>
      <c r="DT57" s="1055"/>
      <c r="DU57" s="1056"/>
      <c r="DV57" s="1057"/>
      <c r="DW57" s="1058"/>
      <c r="DX57" s="1058"/>
      <c r="DY57" s="1058"/>
      <c r="DZ57" s="1059"/>
      <c r="EA57" s="226"/>
    </row>
    <row r="58" spans="1:131" ht="26.25" customHeight="1" x14ac:dyDescent="0.2">
      <c r="A58" s="234">
        <v>31</v>
      </c>
      <c r="B58" s="1095"/>
      <c r="C58" s="1096"/>
      <c r="D58" s="1096"/>
      <c r="E58" s="1096"/>
      <c r="F58" s="1096"/>
      <c r="G58" s="1096"/>
      <c r="H58" s="1096"/>
      <c r="I58" s="1096"/>
      <c r="J58" s="1096"/>
      <c r="K58" s="1096"/>
      <c r="L58" s="1096"/>
      <c r="M58" s="1096"/>
      <c r="N58" s="1096"/>
      <c r="O58" s="1096"/>
      <c r="P58" s="1097"/>
      <c r="Q58" s="1098"/>
      <c r="R58" s="1090"/>
      <c r="S58" s="1090"/>
      <c r="T58" s="1090"/>
      <c r="U58" s="1090"/>
      <c r="V58" s="1090"/>
      <c r="W58" s="1090"/>
      <c r="X58" s="1090"/>
      <c r="Y58" s="1090"/>
      <c r="Z58" s="1090"/>
      <c r="AA58" s="1090"/>
      <c r="AB58" s="1090"/>
      <c r="AC58" s="1090"/>
      <c r="AD58" s="1090"/>
      <c r="AE58" s="1099"/>
      <c r="AF58" s="1100"/>
      <c r="AG58" s="1101"/>
      <c r="AH58" s="1101"/>
      <c r="AI58" s="1101"/>
      <c r="AJ58" s="1102"/>
      <c r="AK58" s="1089"/>
      <c r="AL58" s="1090"/>
      <c r="AM58" s="1090"/>
      <c r="AN58" s="1090"/>
      <c r="AO58" s="1090"/>
      <c r="AP58" s="1090"/>
      <c r="AQ58" s="1090"/>
      <c r="AR58" s="1090"/>
      <c r="AS58" s="1090"/>
      <c r="AT58" s="1090"/>
      <c r="AU58" s="1090"/>
      <c r="AV58" s="1090"/>
      <c r="AW58" s="1090"/>
      <c r="AX58" s="1090"/>
      <c r="AY58" s="1090"/>
      <c r="AZ58" s="1091"/>
      <c r="BA58" s="1091"/>
      <c r="BB58" s="1091"/>
      <c r="BC58" s="1091"/>
      <c r="BD58" s="1091"/>
      <c r="BE58" s="1037"/>
      <c r="BF58" s="1037"/>
      <c r="BG58" s="1037"/>
      <c r="BH58" s="1037"/>
      <c r="BI58" s="1038"/>
      <c r="BJ58" s="228"/>
      <c r="BK58" s="228"/>
      <c r="BL58" s="228"/>
      <c r="BM58" s="228"/>
      <c r="BN58" s="228"/>
      <c r="BO58" s="237"/>
      <c r="BP58" s="237"/>
      <c r="BQ58" s="234">
        <v>52</v>
      </c>
      <c r="BR58" s="235"/>
      <c r="BS58" s="1057"/>
      <c r="BT58" s="1058"/>
      <c r="BU58" s="1058"/>
      <c r="BV58" s="1058"/>
      <c r="BW58" s="1058"/>
      <c r="BX58" s="1058"/>
      <c r="BY58" s="1058"/>
      <c r="BZ58" s="1058"/>
      <c r="CA58" s="1058"/>
      <c r="CB58" s="1058"/>
      <c r="CC58" s="1058"/>
      <c r="CD58" s="1058"/>
      <c r="CE58" s="1058"/>
      <c r="CF58" s="1058"/>
      <c r="CG58" s="1079"/>
      <c r="CH58" s="1054"/>
      <c r="CI58" s="1055"/>
      <c r="CJ58" s="1055"/>
      <c r="CK58" s="1055"/>
      <c r="CL58" s="1056"/>
      <c r="CM58" s="1054"/>
      <c r="CN58" s="1055"/>
      <c r="CO58" s="1055"/>
      <c r="CP58" s="1055"/>
      <c r="CQ58" s="1056"/>
      <c r="CR58" s="1054"/>
      <c r="CS58" s="1055"/>
      <c r="CT58" s="1055"/>
      <c r="CU58" s="1055"/>
      <c r="CV58" s="1056"/>
      <c r="CW58" s="1054"/>
      <c r="CX58" s="1055"/>
      <c r="CY58" s="1055"/>
      <c r="CZ58" s="1055"/>
      <c r="DA58" s="1056"/>
      <c r="DB58" s="1054"/>
      <c r="DC58" s="1055"/>
      <c r="DD58" s="1055"/>
      <c r="DE58" s="1055"/>
      <c r="DF58" s="1056"/>
      <c r="DG58" s="1054"/>
      <c r="DH58" s="1055"/>
      <c r="DI58" s="1055"/>
      <c r="DJ58" s="1055"/>
      <c r="DK58" s="1056"/>
      <c r="DL58" s="1054"/>
      <c r="DM58" s="1055"/>
      <c r="DN58" s="1055"/>
      <c r="DO58" s="1055"/>
      <c r="DP58" s="1056"/>
      <c r="DQ58" s="1054"/>
      <c r="DR58" s="1055"/>
      <c r="DS58" s="1055"/>
      <c r="DT58" s="1055"/>
      <c r="DU58" s="1056"/>
      <c r="DV58" s="1057"/>
      <c r="DW58" s="1058"/>
      <c r="DX58" s="1058"/>
      <c r="DY58" s="1058"/>
      <c r="DZ58" s="1059"/>
      <c r="EA58" s="226"/>
    </row>
    <row r="59" spans="1:131" ht="26.25" customHeight="1" x14ac:dyDescent="0.2">
      <c r="A59" s="234">
        <v>32</v>
      </c>
      <c r="B59" s="1095"/>
      <c r="C59" s="1096"/>
      <c r="D59" s="1096"/>
      <c r="E59" s="1096"/>
      <c r="F59" s="1096"/>
      <c r="G59" s="1096"/>
      <c r="H59" s="1096"/>
      <c r="I59" s="1096"/>
      <c r="J59" s="1096"/>
      <c r="K59" s="1096"/>
      <c r="L59" s="1096"/>
      <c r="M59" s="1096"/>
      <c r="N59" s="1096"/>
      <c r="O59" s="1096"/>
      <c r="P59" s="1097"/>
      <c r="Q59" s="1098"/>
      <c r="R59" s="1090"/>
      <c r="S59" s="1090"/>
      <c r="T59" s="1090"/>
      <c r="U59" s="1090"/>
      <c r="V59" s="1090"/>
      <c r="W59" s="1090"/>
      <c r="X59" s="1090"/>
      <c r="Y59" s="1090"/>
      <c r="Z59" s="1090"/>
      <c r="AA59" s="1090"/>
      <c r="AB59" s="1090"/>
      <c r="AC59" s="1090"/>
      <c r="AD59" s="1090"/>
      <c r="AE59" s="1099"/>
      <c r="AF59" s="1100"/>
      <c r="AG59" s="1101"/>
      <c r="AH59" s="1101"/>
      <c r="AI59" s="1101"/>
      <c r="AJ59" s="1102"/>
      <c r="AK59" s="1089"/>
      <c r="AL59" s="1090"/>
      <c r="AM59" s="1090"/>
      <c r="AN59" s="1090"/>
      <c r="AO59" s="1090"/>
      <c r="AP59" s="1090"/>
      <c r="AQ59" s="1090"/>
      <c r="AR59" s="1090"/>
      <c r="AS59" s="1090"/>
      <c r="AT59" s="1090"/>
      <c r="AU59" s="1090"/>
      <c r="AV59" s="1090"/>
      <c r="AW59" s="1090"/>
      <c r="AX59" s="1090"/>
      <c r="AY59" s="1090"/>
      <c r="AZ59" s="1091"/>
      <c r="BA59" s="1091"/>
      <c r="BB59" s="1091"/>
      <c r="BC59" s="1091"/>
      <c r="BD59" s="1091"/>
      <c r="BE59" s="1037"/>
      <c r="BF59" s="1037"/>
      <c r="BG59" s="1037"/>
      <c r="BH59" s="1037"/>
      <c r="BI59" s="1038"/>
      <c r="BJ59" s="228"/>
      <c r="BK59" s="228"/>
      <c r="BL59" s="228"/>
      <c r="BM59" s="228"/>
      <c r="BN59" s="228"/>
      <c r="BO59" s="237"/>
      <c r="BP59" s="237"/>
      <c r="BQ59" s="234">
        <v>53</v>
      </c>
      <c r="BR59" s="235"/>
      <c r="BS59" s="1057"/>
      <c r="BT59" s="1058"/>
      <c r="BU59" s="1058"/>
      <c r="BV59" s="1058"/>
      <c r="BW59" s="1058"/>
      <c r="BX59" s="1058"/>
      <c r="BY59" s="1058"/>
      <c r="BZ59" s="1058"/>
      <c r="CA59" s="1058"/>
      <c r="CB59" s="1058"/>
      <c r="CC59" s="1058"/>
      <c r="CD59" s="1058"/>
      <c r="CE59" s="1058"/>
      <c r="CF59" s="1058"/>
      <c r="CG59" s="1079"/>
      <c r="CH59" s="1054"/>
      <c r="CI59" s="1055"/>
      <c r="CJ59" s="1055"/>
      <c r="CK59" s="1055"/>
      <c r="CL59" s="1056"/>
      <c r="CM59" s="1054"/>
      <c r="CN59" s="1055"/>
      <c r="CO59" s="1055"/>
      <c r="CP59" s="1055"/>
      <c r="CQ59" s="1056"/>
      <c r="CR59" s="1054"/>
      <c r="CS59" s="1055"/>
      <c r="CT59" s="1055"/>
      <c r="CU59" s="1055"/>
      <c r="CV59" s="1056"/>
      <c r="CW59" s="1054"/>
      <c r="CX59" s="1055"/>
      <c r="CY59" s="1055"/>
      <c r="CZ59" s="1055"/>
      <c r="DA59" s="1056"/>
      <c r="DB59" s="1054"/>
      <c r="DC59" s="1055"/>
      <c r="DD59" s="1055"/>
      <c r="DE59" s="1055"/>
      <c r="DF59" s="1056"/>
      <c r="DG59" s="1054"/>
      <c r="DH59" s="1055"/>
      <c r="DI59" s="1055"/>
      <c r="DJ59" s="1055"/>
      <c r="DK59" s="1056"/>
      <c r="DL59" s="1054"/>
      <c r="DM59" s="1055"/>
      <c r="DN59" s="1055"/>
      <c r="DO59" s="1055"/>
      <c r="DP59" s="1056"/>
      <c r="DQ59" s="1054"/>
      <c r="DR59" s="1055"/>
      <c r="DS59" s="1055"/>
      <c r="DT59" s="1055"/>
      <c r="DU59" s="1056"/>
      <c r="DV59" s="1057"/>
      <c r="DW59" s="1058"/>
      <c r="DX59" s="1058"/>
      <c r="DY59" s="1058"/>
      <c r="DZ59" s="1059"/>
      <c r="EA59" s="226"/>
    </row>
    <row r="60" spans="1:131" ht="26.25" customHeight="1" x14ac:dyDescent="0.2">
      <c r="A60" s="234">
        <v>33</v>
      </c>
      <c r="B60" s="1095"/>
      <c r="C60" s="1096"/>
      <c r="D60" s="1096"/>
      <c r="E60" s="1096"/>
      <c r="F60" s="1096"/>
      <c r="G60" s="1096"/>
      <c r="H60" s="1096"/>
      <c r="I60" s="1096"/>
      <c r="J60" s="1096"/>
      <c r="K60" s="1096"/>
      <c r="L60" s="1096"/>
      <c r="M60" s="1096"/>
      <c r="N60" s="1096"/>
      <c r="O60" s="1096"/>
      <c r="P60" s="1097"/>
      <c r="Q60" s="1098"/>
      <c r="R60" s="1090"/>
      <c r="S60" s="1090"/>
      <c r="T60" s="1090"/>
      <c r="U60" s="1090"/>
      <c r="V60" s="1090"/>
      <c r="W60" s="1090"/>
      <c r="X60" s="1090"/>
      <c r="Y60" s="1090"/>
      <c r="Z60" s="1090"/>
      <c r="AA60" s="1090"/>
      <c r="AB60" s="1090"/>
      <c r="AC60" s="1090"/>
      <c r="AD60" s="1090"/>
      <c r="AE60" s="1099"/>
      <c r="AF60" s="1100"/>
      <c r="AG60" s="1101"/>
      <c r="AH60" s="1101"/>
      <c r="AI60" s="1101"/>
      <c r="AJ60" s="1102"/>
      <c r="AK60" s="1089"/>
      <c r="AL60" s="1090"/>
      <c r="AM60" s="1090"/>
      <c r="AN60" s="1090"/>
      <c r="AO60" s="1090"/>
      <c r="AP60" s="1090"/>
      <c r="AQ60" s="1090"/>
      <c r="AR60" s="1090"/>
      <c r="AS60" s="1090"/>
      <c r="AT60" s="1090"/>
      <c r="AU60" s="1090"/>
      <c r="AV60" s="1090"/>
      <c r="AW60" s="1090"/>
      <c r="AX60" s="1090"/>
      <c r="AY60" s="1090"/>
      <c r="AZ60" s="1091"/>
      <c r="BA60" s="1091"/>
      <c r="BB60" s="1091"/>
      <c r="BC60" s="1091"/>
      <c r="BD60" s="1091"/>
      <c r="BE60" s="1037"/>
      <c r="BF60" s="1037"/>
      <c r="BG60" s="1037"/>
      <c r="BH60" s="1037"/>
      <c r="BI60" s="1038"/>
      <c r="BJ60" s="228"/>
      <c r="BK60" s="228"/>
      <c r="BL60" s="228"/>
      <c r="BM60" s="228"/>
      <c r="BN60" s="228"/>
      <c r="BO60" s="237"/>
      <c r="BP60" s="237"/>
      <c r="BQ60" s="234">
        <v>54</v>
      </c>
      <c r="BR60" s="235"/>
      <c r="BS60" s="1057"/>
      <c r="BT60" s="1058"/>
      <c r="BU60" s="1058"/>
      <c r="BV60" s="1058"/>
      <c r="BW60" s="1058"/>
      <c r="BX60" s="1058"/>
      <c r="BY60" s="1058"/>
      <c r="BZ60" s="1058"/>
      <c r="CA60" s="1058"/>
      <c r="CB60" s="1058"/>
      <c r="CC60" s="1058"/>
      <c r="CD60" s="1058"/>
      <c r="CE60" s="1058"/>
      <c r="CF60" s="1058"/>
      <c r="CG60" s="1079"/>
      <c r="CH60" s="1054"/>
      <c r="CI60" s="1055"/>
      <c r="CJ60" s="1055"/>
      <c r="CK60" s="1055"/>
      <c r="CL60" s="1056"/>
      <c r="CM60" s="1054"/>
      <c r="CN60" s="1055"/>
      <c r="CO60" s="1055"/>
      <c r="CP60" s="1055"/>
      <c r="CQ60" s="1056"/>
      <c r="CR60" s="1054"/>
      <c r="CS60" s="1055"/>
      <c r="CT60" s="1055"/>
      <c r="CU60" s="1055"/>
      <c r="CV60" s="1056"/>
      <c r="CW60" s="1054"/>
      <c r="CX60" s="1055"/>
      <c r="CY60" s="1055"/>
      <c r="CZ60" s="1055"/>
      <c r="DA60" s="1056"/>
      <c r="DB60" s="1054"/>
      <c r="DC60" s="1055"/>
      <c r="DD60" s="1055"/>
      <c r="DE60" s="1055"/>
      <c r="DF60" s="1056"/>
      <c r="DG60" s="1054"/>
      <c r="DH60" s="1055"/>
      <c r="DI60" s="1055"/>
      <c r="DJ60" s="1055"/>
      <c r="DK60" s="1056"/>
      <c r="DL60" s="1054"/>
      <c r="DM60" s="1055"/>
      <c r="DN60" s="1055"/>
      <c r="DO60" s="1055"/>
      <c r="DP60" s="1056"/>
      <c r="DQ60" s="1054"/>
      <c r="DR60" s="1055"/>
      <c r="DS60" s="1055"/>
      <c r="DT60" s="1055"/>
      <c r="DU60" s="1056"/>
      <c r="DV60" s="1057"/>
      <c r="DW60" s="1058"/>
      <c r="DX60" s="1058"/>
      <c r="DY60" s="1058"/>
      <c r="DZ60" s="1059"/>
      <c r="EA60" s="226"/>
    </row>
    <row r="61" spans="1:131" ht="26.25" customHeight="1" thickBot="1" x14ac:dyDescent="0.25">
      <c r="A61" s="234">
        <v>34</v>
      </c>
      <c r="B61" s="1095"/>
      <c r="C61" s="1096"/>
      <c r="D61" s="1096"/>
      <c r="E61" s="1096"/>
      <c r="F61" s="1096"/>
      <c r="G61" s="1096"/>
      <c r="H61" s="1096"/>
      <c r="I61" s="1096"/>
      <c r="J61" s="1096"/>
      <c r="K61" s="1096"/>
      <c r="L61" s="1096"/>
      <c r="M61" s="1096"/>
      <c r="N61" s="1096"/>
      <c r="O61" s="1096"/>
      <c r="P61" s="1097"/>
      <c r="Q61" s="1098"/>
      <c r="R61" s="1090"/>
      <c r="S61" s="1090"/>
      <c r="T61" s="1090"/>
      <c r="U61" s="1090"/>
      <c r="V61" s="1090"/>
      <c r="W61" s="1090"/>
      <c r="X61" s="1090"/>
      <c r="Y61" s="1090"/>
      <c r="Z61" s="1090"/>
      <c r="AA61" s="1090"/>
      <c r="AB61" s="1090"/>
      <c r="AC61" s="1090"/>
      <c r="AD61" s="1090"/>
      <c r="AE61" s="1099"/>
      <c r="AF61" s="1100"/>
      <c r="AG61" s="1101"/>
      <c r="AH61" s="1101"/>
      <c r="AI61" s="1101"/>
      <c r="AJ61" s="1102"/>
      <c r="AK61" s="1089"/>
      <c r="AL61" s="1090"/>
      <c r="AM61" s="1090"/>
      <c r="AN61" s="1090"/>
      <c r="AO61" s="1090"/>
      <c r="AP61" s="1090"/>
      <c r="AQ61" s="1090"/>
      <c r="AR61" s="1090"/>
      <c r="AS61" s="1090"/>
      <c r="AT61" s="1090"/>
      <c r="AU61" s="1090"/>
      <c r="AV61" s="1090"/>
      <c r="AW61" s="1090"/>
      <c r="AX61" s="1090"/>
      <c r="AY61" s="1090"/>
      <c r="AZ61" s="1091"/>
      <c r="BA61" s="1091"/>
      <c r="BB61" s="1091"/>
      <c r="BC61" s="1091"/>
      <c r="BD61" s="1091"/>
      <c r="BE61" s="1037"/>
      <c r="BF61" s="1037"/>
      <c r="BG61" s="1037"/>
      <c r="BH61" s="1037"/>
      <c r="BI61" s="1038"/>
      <c r="BJ61" s="228"/>
      <c r="BK61" s="228"/>
      <c r="BL61" s="228"/>
      <c r="BM61" s="228"/>
      <c r="BN61" s="228"/>
      <c r="BO61" s="237"/>
      <c r="BP61" s="237"/>
      <c r="BQ61" s="234">
        <v>55</v>
      </c>
      <c r="BR61" s="235"/>
      <c r="BS61" s="1057"/>
      <c r="BT61" s="1058"/>
      <c r="BU61" s="1058"/>
      <c r="BV61" s="1058"/>
      <c r="BW61" s="1058"/>
      <c r="BX61" s="1058"/>
      <c r="BY61" s="1058"/>
      <c r="BZ61" s="1058"/>
      <c r="CA61" s="1058"/>
      <c r="CB61" s="1058"/>
      <c r="CC61" s="1058"/>
      <c r="CD61" s="1058"/>
      <c r="CE61" s="1058"/>
      <c r="CF61" s="1058"/>
      <c r="CG61" s="1079"/>
      <c r="CH61" s="1054"/>
      <c r="CI61" s="1055"/>
      <c r="CJ61" s="1055"/>
      <c r="CK61" s="1055"/>
      <c r="CL61" s="1056"/>
      <c r="CM61" s="1054"/>
      <c r="CN61" s="1055"/>
      <c r="CO61" s="1055"/>
      <c r="CP61" s="1055"/>
      <c r="CQ61" s="1056"/>
      <c r="CR61" s="1054"/>
      <c r="CS61" s="1055"/>
      <c r="CT61" s="1055"/>
      <c r="CU61" s="1055"/>
      <c r="CV61" s="1056"/>
      <c r="CW61" s="1054"/>
      <c r="CX61" s="1055"/>
      <c r="CY61" s="1055"/>
      <c r="CZ61" s="1055"/>
      <c r="DA61" s="1056"/>
      <c r="DB61" s="1054"/>
      <c r="DC61" s="1055"/>
      <c r="DD61" s="1055"/>
      <c r="DE61" s="1055"/>
      <c r="DF61" s="1056"/>
      <c r="DG61" s="1054"/>
      <c r="DH61" s="1055"/>
      <c r="DI61" s="1055"/>
      <c r="DJ61" s="1055"/>
      <c r="DK61" s="1056"/>
      <c r="DL61" s="1054"/>
      <c r="DM61" s="1055"/>
      <c r="DN61" s="1055"/>
      <c r="DO61" s="1055"/>
      <c r="DP61" s="1056"/>
      <c r="DQ61" s="1054"/>
      <c r="DR61" s="1055"/>
      <c r="DS61" s="1055"/>
      <c r="DT61" s="1055"/>
      <c r="DU61" s="1056"/>
      <c r="DV61" s="1057"/>
      <c r="DW61" s="1058"/>
      <c r="DX61" s="1058"/>
      <c r="DY61" s="1058"/>
      <c r="DZ61" s="1059"/>
      <c r="EA61" s="226"/>
    </row>
    <row r="62" spans="1:131" ht="26.25" customHeight="1" x14ac:dyDescent="0.2">
      <c r="A62" s="234">
        <v>35</v>
      </c>
      <c r="B62" s="1095"/>
      <c r="C62" s="1096"/>
      <c r="D62" s="1096"/>
      <c r="E62" s="1096"/>
      <c r="F62" s="1096"/>
      <c r="G62" s="1096"/>
      <c r="H62" s="1096"/>
      <c r="I62" s="1096"/>
      <c r="J62" s="1096"/>
      <c r="K62" s="1096"/>
      <c r="L62" s="1096"/>
      <c r="M62" s="1096"/>
      <c r="N62" s="1096"/>
      <c r="O62" s="1096"/>
      <c r="P62" s="1097"/>
      <c r="Q62" s="1098"/>
      <c r="R62" s="1090"/>
      <c r="S62" s="1090"/>
      <c r="T62" s="1090"/>
      <c r="U62" s="1090"/>
      <c r="V62" s="1090"/>
      <c r="W62" s="1090"/>
      <c r="X62" s="1090"/>
      <c r="Y62" s="1090"/>
      <c r="Z62" s="1090"/>
      <c r="AA62" s="1090"/>
      <c r="AB62" s="1090"/>
      <c r="AC62" s="1090"/>
      <c r="AD62" s="1090"/>
      <c r="AE62" s="1099"/>
      <c r="AF62" s="1100"/>
      <c r="AG62" s="1101"/>
      <c r="AH62" s="1101"/>
      <c r="AI62" s="1101"/>
      <c r="AJ62" s="1102"/>
      <c r="AK62" s="1089"/>
      <c r="AL62" s="1090"/>
      <c r="AM62" s="1090"/>
      <c r="AN62" s="1090"/>
      <c r="AO62" s="1090"/>
      <c r="AP62" s="1090"/>
      <c r="AQ62" s="1090"/>
      <c r="AR62" s="1090"/>
      <c r="AS62" s="1090"/>
      <c r="AT62" s="1090"/>
      <c r="AU62" s="1090"/>
      <c r="AV62" s="1090"/>
      <c r="AW62" s="1090"/>
      <c r="AX62" s="1090"/>
      <c r="AY62" s="1090"/>
      <c r="AZ62" s="1091"/>
      <c r="BA62" s="1091"/>
      <c r="BB62" s="1091"/>
      <c r="BC62" s="1091"/>
      <c r="BD62" s="1091"/>
      <c r="BE62" s="1037"/>
      <c r="BF62" s="1037"/>
      <c r="BG62" s="1037"/>
      <c r="BH62" s="1037"/>
      <c r="BI62" s="1038"/>
      <c r="BJ62" s="1092" t="s">
        <v>409</v>
      </c>
      <c r="BK62" s="1093"/>
      <c r="BL62" s="1093"/>
      <c r="BM62" s="1093"/>
      <c r="BN62" s="1094"/>
      <c r="BO62" s="237"/>
      <c r="BP62" s="237"/>
      <c r="BQ62" s="234">
        <v>56</v>
      </c>
      <c r="BR62" s="235"/>
      <c r="BS62" s="1057"/>
      <c r="BT62" s="1058"/>
      <c r="BU62" s="1058"/>
      <c r="BV62" s="1058"/>
      <c r="BW62" s="1058"/>
      <c r="BX62" s="1058"/>
      <c r="BY62" s="1058"/>
      <c r="BZ62" s="1058"/>
      <c r="CA62" s="1058"/>
      <c r="CB62" s="1058"/>
      <c r="CC62" s="1058"/>
      <c r="CD62" s="1058"/>
      <c r="CE62" s="1058"/>
      <c r="CF62" s="1058"/>
      <c r="CG62" s="1079"/>
      <c r="CH62" s="1054"/>
      <c r="CI62" s="1055"/>
      <c r="CJ62" s="1055"/>
      <c r="CK62" s="1055"/>
      <c r="CL62" s="1056"/>
      <c r="CM62" s="1054"/>
      <c r="CN62" s="1055"/>
      <c r="CO62" s="1055"/>
      <c r="CP62" s="1055"/>
      <c r="CQ62" s="1056"/>
      <c r="CR62" s="1054"/>
      <c r="CS62" s="1055"/>
      <c r="CT62" s="1055"/>
      <c r="CU62" s="1055"/>
      <c r="CV62" s="1056"/>
      <c r="CW62" s="1054"/>
      <c r="CX62" s="1055"/>
      <c r="CY62" s="1055"/>
      <c r="CZ62" s="1055"/>
      <c r="DA62" s="1056"/>
      <c r="DB62" s="1054"/>
      <c r="DC62" s="1055"/>
      <c r="DD62" s="1055"/>
      <c r="DE62" s="1055"/>
      <c r="DF62" s="1056"/>
      <c r="DG62" s="1054"/>
      <c r="DH62" s="1055"/>
      <c r="DI62" s="1055"/>
      <c r="DJ62" s="1055"/>
      <c r="DK62" s="1056"/>
      <c r="DL62" s="1054"/>
      <c r="DM62" s="1055"/>
      <c r="DN62" s="1055"/>
      <c r="DO62" s="1055"/>
      <c r="DP62" s="1056"/>
      <c r="DQ62" s="1054"/>
      <c r="DR62" s="1055"/>
      <c r="DS62" s="1055"/>
      <c r="DT62" s="1055"/>
      <c r="DU62" s="1056"/>
      <c r="DV62" s="1057"/>
      <c r="DW62" s="1058"/>
      <c r="DX62" s="1058"/>
      <c r="DY62" s="1058"/>
      <c r="DZ62" s="1059"/>
      <c r="EA62" s="226"/>
    </row>
    <row r="63" spans="1:131" ht="26.25" customHeight="1" thickBot="1" x14ac:dyDescent="0.25">
      <c r="A63" s="236" t="s">
        <v>388</v>
      </c>
      <c r="B63" s="1002" t="s">
        <v>410</v>
      </c>
      <c r="C63" s="1003"/>
      <c r="D63" s="1003"/>
      <c r="E63" s="1003"/>
      <c r="F63" s="1003"/>
      <c r="G63" s="1003"/>
      <c r="H63" s="1003"/>
      <c r="I63" s="1003"/>
      <c r="J63" s="1003"/>
      <c r="K63" s="1003"/>
      <c r="L63" s="1003"/>
      <c r="M63" s="1003"/>
      <c r="N63" s="1003"/>
      <c r="O63" s="1003"/>
      <c r="P63" s="1013"/>
      <c r="Q63" s="1027"/>
      <c r="R63" s="1028"/>
      <c r="S63" s="1028"/>
      <c r="T63" s="1028"/>
      <c r="U63" s="1028"/>
      <c r="V63" s="1028"/>
      <c r="W63" s="1028"/>
      <c r="X63" s="1028"/>
      <c r="Y63" s="1028"/>
      <c r="Z63" s="1028"/>
      <c r="AA63" s="1028"/>
      <c r="AB63" s="1028"/>
      <c r="AC63" s="1028"/>
      <c r="AD63" s="1028"/>
      <c r="AE63" s="1085"/>
      <c r="AF63" s="1086">
        <v>150</v>
      </c>
      <c r="AG63" s="1024"/>
      <c r="AH63" s="1024"/>
      <c r="AI63" s="1024"/>
      <c r="AJ63" s="1087"/>
      <c r="AK63" s="1088"/>
      <c r="AL63" s="1028"/>
      <c r="AM63" s="1028"/>
      <c r="AN63" s="1028"/>
      <c r="AO63" s="1028"/>
      <c r="AP63" s="1024">
        <v>2372</v>
      </c>
      <c r="AQ63" s="1024"/>
      <c r="AR63" s="1024"/>
      <c r="AS63" s="1024"/>
      <c r="AT63" s="1024"/>
      <c r="AU63" s="1024">
        <v>1641</v>
      </c>
      <c r="AV63" s="1024"/>
      <c r="AW63" s="1024"/>
      <c r="AX63" s="1024"/>
      <c r="AY63" s="1024"/>
      <c r="AZ63" s="1082"/>
      <c r="BA63" s="1082"/>
      <c r="BB63" s="1082"/>
      <c r="BC63" s="1082"/>
      <c r="BD63" s="1082"/>
      <c r="BE63" s="1025"/>
      <c r="BF63" s="1025"/>
      <c r="BG63" s="1025"/>
      <c r="BH63" s="1025"/>
      <c r="BI63" s="1026"/>
      <c r="BJ63" s="1083" t="s">
        <v>411</v>
      </c>
      <c r="BK63" s="1018"/>
      <c r="BL63" s="1018"/>
      <c r="BM63" s="1018"/>
      <c r="BN63" s="1084"/>
      <c r="BO63" s="237"/>
      <c r="BP63" s="237"/>
      <c r="BQ63" s="234">
        <v>57</v>
      </c>
      <c r="BR63" s="235"/>
      <c r="BS63" s="1057"/>
      <c r="BT63" s="1058"/>
      <c r="BU63" s="1058"/>
      <c r="BV63" s="1058"/>
      <c r="BW63" s="1058"/>
      <c r="BX63" s="1058"/>
      <c r="BY63" s="1058"/>
      <c r="BZ63" s="1058"/>
      <c r="CA63" s="1058"/>
      <c r="CB63" s="1058"/>
      <c r="CC63" s="1058"/>
      <c r="CD63" s="1058"/>
      <c r="CE63" s="1058"/>
      <c r="CF63" s="1058"/>
      <c r="CG63" s="1079"/>
      <c r="CH63" s="1054"/>
      <c r="CI63" s="1055"/>
      <c r="CJ63" s="1055"/>
      <c r="CK63" s="1055"/>
      <c r="CL63" s="1056"/>
      <c r="CM63" s="1054"/>
      <c r="CN63" s="1055"/>
      <c r="CO63" s="1055"/>
      <c r="CP63" s="1055"/>
      <c r="CQ63" s="1056"/>
      <c r="CR63" s="1054"/>
      <c r="CS63" s="1055"/>
      <c r="CT63" s="1055"/>
      <c r="CU63" s="1055"/>
      <c r="CV63" s="1056"/>
      <c r="CW63" s="1054"/>
      <c r="CX63" s="1055"/>
      <c r="CY63" s="1055"/>
      <c r="CZ63" s="1055"/>
      <c r="DA63" s="1056"/>
      <c r="DB63" s="1054"/>
      <c r="DC63" s="1055"/>
      <c r="DD63" s="1055"/>
      <c r="DE63" s="1055"/>
      <c r="DF63" s="1056"/>
      <c r="DG63" s="1054"/>
      <c r="DH63" s="1055"/>
      <c r="DI63" s="1055"/>
      <c r="DJ63" s="1055"/>
      <c r="DK63" s="1056"/>
      <c r="DL63" s="1054"/>
      <c r="DM63" s="1055"/>
      <c r="DN63" s="1055"/>
      <c r="DO63" s="1055"/>
      <c r="DP63" s="1056"/>
      <c r="DQ63" s="1054"/>
      <c r="DR63" s="1055"/>
      <c r="DS63" s="1055"/>
      <c r="DT63" s="1055"/>
      <c r="DU63" s="1056"/>
      <c r="DV63" s="1057"/>
      <c r="DW63" s="1058"/>
      <c r="DX63" s="1058"/>
      <c r="DY63" s="1058"/>
      <c r="DZ63" s="1059"/>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57"/>
      <c r="BT64" s="1058"/>
      <c r="BU64" s="1058"/>
      <c r="BV64" s="1058"/>
      <c r="BW64" s="1058"/>
      <c r="BX64" s="1058"/>
      <c r="BY64" s="1058"/>
      <c r="BZ64" s="1058"/>
      <c r="CA64" s="1058"/>
      <c r="CB64" s="1058"/>
      <c r="CC64" s="1058"/>
      <c r="CD64" s="1058"/>
      <c r="CE64" s="1058"/>
      <c r="CF64" s="1058"/>
      <c r="CG64" s="1079"/>
      <c r="CH64" s="1054"/>
      <c r="CI64" s="1055"/>
      <c r="CJ64" s="1055"/>
      <c r="CK64" s="1055"/>
      <c r="CL64" s="1056"/>
      <c r="CM64" s="1054"/>
      <c r="CN64" s="1055"/>
      <c r="CO64" s="1055"/>
      <c r="CP64" s="1055"/>
      <c r="CQ64" s="1056"/>
      <c r="CR64" s="1054"/>
      <c r="CS64" s="1055"/>
      <c r="CT64" s="1055"/>
      <c r="CU64" s="1055"/>
      <c r="CV64" s="1056"/>
      <c r="CW64" s="1054"/>
      <c r="CX64" s="1055"/>
      <c r="CY64" s="1055"/>
      <c r="CZ64" s="1055"/>
      <c r="DA64" s="1056"/>
      <c r="DB64" s="1054"/>
      <c r="DC64" s="1055"/>
      <c r="DD64" s="1055"/>
      <c r="DE64" s="1055"/>
      <c r="DF64" s="1056"/>
      <c r="DG64" s="1054"/>
      <c r="DH64" s="1055"/>
      <c r="DI64" s="1055"/>
      <c r="DJ64" s="1055"/>
      <c r="DK64" s="1056"/>
      <c r="DL64" s="1054"/>
      <c r="DM64" s="1055"/>
      <c r="DN64" s="1055"/>
      <c r="DO64" s="1055"/>
      <c r="DP64" s="1056"/>
      <c r="DQ64" s="1054"/>
      <c r="DR64" s="1055"/>
      <c r="DS64" s="1055"/>
      <c r="DT64" s="1055"/>
      <c r="DU64" s="1056"/>
      <c r="DV64" s="1057"/>
      <c r="DW64" s="1058"/>
      <c r="DX64" s="1058"/>
      <c r="DY64" s="1058"/>
      <c r="DZ64" s="1059"/>
      <c r="EA64" s="226"/>
    </row>
    <row r="65" spans="1:131" ht="26.25" customHeight="1" thickBot="1" x14ac:dyDescent="0.25">
      <c r="A65" s="228" t="s">
        <v>412</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57"/>
      <c r="BT65" s="1058"/>
      <c r="BU65" s="1058"/>
      <c r="BV65" s="1058"/>
      <c r="BW65" s="1058"/>
      <c r="BX65" s="1058"/>
      <c r="BY65" s="1058"/>
      <c r="BZ65" s="1058"/>
      <c r="CA65" s="1058"/>
      <c r="CB65" s="1058"/>
      <c r="CC65" s="1058"/>
      <c r="CD65" s="1058"/>
      <c r="CE65" s="1058"/>
      <c r="CF65" s="1058"/>
      <c r="CG65" s="1079"/>
      <c r="CH65" s="1054"/>
      <c r="CI65" s="1055"/>
      <c r="CJ65" s="1055"/>
      <c r="CK65" s="1055"/>
      <c r="CL65" s="1056"/>
      <c r="CM65" s="1054"/>
      <c r="CN65" s="1055"/>
      <c r="CO65" s="1055"/>
      <c r="CP65" s="1055"/>
      <c r="CQ65" s="1056"/>
      <c r="CR65" s="1054"/>
      <c r="CS65" s="1055"/>
      <c r="CT65" s="1055"/>
      <c r="CU65" s="1055"/>
      <c r="CV65" s="1056"/>
      <c r="CW65" s="1054"/>
      <c r="CX65" s="1055"/>
      <c r="CY65" s="1055"/>
      <c r="CZ65" s="1055"/>
      <c r="DA65" s="1056"/>
      <c r="DB65" s="1054"/>
      <c r="DC65" s="1055"/>
      <c r="DD65" s="1055"/>
      <c r="DE65" s="1055"/>
      <c r="DF65" s="1056"/>
      <c r="DG65" s="1054"/>
      <c r="DH65" s="1055"/>
      <c r="DI65" s="1055"/>
      <c r="DJ65" s="1055"/>
      <c r="DK65" s="1056"/>
      <c r="DL65" s="1054"/>
      <c r="DM65" s="1055"/>
      <c r="DN65" s="1055"/>
      <c r="DO65" s="1055"/>
      <c r="DP65" s="1056"/>
      <c r="DQ65" s="1054"/>
      <c r="DR65" s="1055"/>
      <c r="DS65" s="1055"/>
      <c r="DT65" s="1055"/>
      <c r="DU65" s="1056"/>
      <c r="DV65" s="1057"/>
      <c r="DW65" s="1058"/>
      <c r="DX65" s="1058"/>
      <c r="DY65" s="1058"/>
      <c r="DZ65" s="1059"/>
      <c r="EA65" s="226"/>
    </row>
    <row r="66" spans="1:131" ht="26.25" customHeight="1" x14ac:dyDescent="0.2">
      <c r="A66" s="1060" t="s">
        <v>413</v>
      </c>
      <c r="B66" s="1061"/>
      <c r="C66" s="1061"/>
      <c r="D66" s="1061"/>
      <c r="E66" s="1061"/>
      <c r="F66" s="1061"/>
      <c r="G66" s="1061"/>
      <c r="H66" s="1061"/>
      <c r="I66" s="1061"/>
      <c r="J66" s="1061"/>
      <c r="K66" s="1061"/>
      <c r="L66" s="1061"/>
      <c r="M66" s="1061"/>
      <c r="N66" s="1061"/>
      <c r="O66" s="1061"/>
      <c r="P66" s="1062"/>
      <c r="Q66" s="1066" t="s">
        <v>392</v>
      </c>
      <c r="R66" s="1067"/>
      <c r="S66" s="1067"/>
      <c r="T66" s="1067"/>
      <c r="U66" s="1068"/>
      <c r="V66" s="1066" t="s">
        <v>414</v>
      </c>
      <c r="W66" s="1067"/>
      <c r="X66" s="1067"/>
      <c r="Y66" s="1067"/>
      <c r="Z66" s="1068"/>
      <c r="AA66" s="1066" t="s">
        <v>415</v>
      </c>
      <c r="AB66" s="1067"/>
      <c r="AC66" s="1067"/>
      <c r="AD66" s="1067"/>
      <c r="AE66" s="1068"/>
      <c r="AF66" s="1072" t="s">
        <v>416</v>
      </c>
      <c r="AG66" s="1073"/>
      <c r="AH66" s="1073"/>
      <c r="AI66" s="1073"/>
      <c r="AJ66" s="1074"/>
      <c r="AK66" s="1066" t="s">
        <v>396</v>
      </c>
      <c r="AL66" s="1061"/>
      <c r="AM66" s="1061"/>
      <c r="AN66" s="1061"/>
      <c r="AO66" s="1062"/>
      <c r="AP66" s="1066" t="s">
        <v>417</v>
      </c>
      <c r="AQ66" s="1067"/>
      <c r="AR66" s="1067"/>
      <c r="AS66" s="1067"/>
      <c r="AT66" s="1068"/>
      <c r="AU66" s="1066" t="s">
        <v>418</v>
      </c>
      <c r="AV66" s="1067"/>
      <c r="AW66" s="1067"/>
      <c r="AX66" s="1067"/>
      <c r="AY66" s="1068"/>
      <c r="AZ66" s="1066" t="s">
        <v>375</v>
      </c>
      <c r="BA66" s="1067"/>
      <c r="BB66" s="1067"/>
      <c r="BC66" s="1067"/>
      <c r="BD66" s="1080"/>
      <c r="BE66" s="237"/>
      <c r="BF66" s="237"/>
      <c r="BG66" s="237"/>
      <c r="BH66" s="237"/>
      <c r="BI66" s="237"/>
      <c r="BJ66" s="237"/>
      <c r="BK66" s="237"/>
      <c r="BL66" s="237"/>
      <c r="BM66" s="237"/>
      <c r="BN66" s="237"/>
      <c r="BO66" s="237"/>
      <c r="BP66" s="237"/>
      <c r="BQ66" s="234">
        <v>60</v>
      </c>
      <c r="BR66" s="239"/>
      <c r="BS66" s="1010"/>
      <c r="BT66" s="1011"/>
      <c r="BU66" s="1011"/>
      <c r="BV66" s="1011"/>
      <c r="BW66" s="1011"/>
      <c r="BX66" s="1011"/>
      <c r="BY66" s="1011"/>
      <c r="BZ66" s="1011"/>
      <c r="CA66" s="1011"/>
      <c r="CB66" s="1011"/>
      <c r="CC66" s="1011"/>
      <c r="CD66" s="1011"/>
      <c r="CE66" s="1011"/>
      <c r="CF66" s="1011"/>
      <c r="CG66" s="1020"/>
      <c r="CH66" s="1021"/>
      <c r="CI66" s="1022"/>
      <c r="CJ66" s="1022"/>
      <c r="CK66" s="1022"/>
      <c r="CL66" s="1023"/>
      <c r="CM66" s="1021"/>
      <c r="CN66" s="1022"/>
      <c r="CO66" s="1022"/>
      <c r="CP66" s="1022"/>
      <c r="CQ66" s="1023"/>
      <c r="CR66" s="1021"/>
      <c r="CS66" s="1022"/>
      <c r="CT66" s="1022"/>
      <c r="CU66" s="1022"/>
      <c r="CV66" s="1023"/>
      <c r="CW66" s="1021"/>
      <c r="CX66" s="1022"/>
      <c r="CY66" s="1022"/>
      <c r="CZ66" s="1022"/>
      <c r="DA66" s="1023"/>
      <c r="DB66" s="1021"/>
      <c r="DC66" s="1022"/>
      <c r="DD66" s="1022"/>
      <c r="DE66" s="1022"/>
      <c r="DF66" s="1023"/>
      <c r="DG66" s="1021"/>
      <c r="DH66" s="1022"/>
      <c r="DI66" s="1022"/>
      <c r="DJ66" s="1022"/>
      <c r="DK66" s="1023"/>
      <c r="DL66" s="1021"/>
      <c r="DM66" s="1022"/>
      <c r="DN66" s="1022"/>
      <c r="DO66" s="1022"/>
      <c r="DP66" s="1023"/>
      <c r="DQ66" s="1021"/>
      <c r="DR66" s="1022"/>
      <c r="DS66" s="1022"/>
      <c r="DT66" s="1022"/>
      <c r="DU66" s="1023"/>
      <c r="DV66" s="1010"/>
      <c r="DW66" s="1011"/>
      <c r="DX66" s="1011"/>
      <c r="DY66" s="1011"/>
      <c r="DZ66" s="1012"/>
      <c r="EA66" s="226"/>
    </row>
    <row r="67" spans="1:131" ht="26.25" customHeight="1" thickBot="1" x14ac:dyDescent="0.25">
      <c r="A67" s="1063"/>
      <c r="B67" s="1064"/>
      <c r="C67" s="1064"/>
      <c r="D67" s="1064"/>
      <c r="E67" s="1064"/>
      <c r="F67" s="1064"/>
      <c r="G67" s="1064"/>
      <c r="H67" s="1064"/>
      <c r="I67" s="1064"/>
      <c r="J67" s="1064"/>
      <c r="K67" s="1064"/>
      <c r="L67" s="1064"/>
      <c r="M67" s="1064"/>
      <c r="N67" s="1064"/>
      <c r="O67" s="1064"/>
      <c r="P67" s="1065"/>
      <c r="Q67" s="1069"/>
      <c r="R67" s="1070"/>
      <c r="S67" s="1070"/>
      <c r="T67" s="1070"/>
      <c r="U67" s="1071"/>
      <c r="V67" s="1069"/>
      <c r="W67" s="1070"/>
      <c r="X67" s="1070"/>
      <c r="Y67" s="1070"/>
      <c r="Z67" s="1071"/>
      <c r="AA67" s="1069"/>
      <c r="AB67" s="1070"/>
      <c r="AC67" s="1070"/>
      <c r="AD67" s="1070"/>
      <c r="AE67" s="1071"/>
      <c r="AF67" s="1075"/>
      <c r="AG67" s="1076"/>
      <c r="AH67" s="1076"/>
      <c r="AI67" s="1076"/>
      <c r="AJ67" s="1077"/>
      <c r="AK67" s="1078"/>
      <c r="AL67" s="1064"/>
      <c r="AM67" s="1064"/>
      <c r="AN67" s="1064"/>
      <c r="AO67" s="1065"/>
      <c r="AP67" s="1069"/>
      <c r="AQ67" s="1070"/>
      <c r="AR67" s="1070"/>
      <c r="AS67" s="1070"/>
      <c r="AT67" s="1071"/>
      <c r="AU67" s="1069"/>
      <c r="AV67" s="1070"/>
      <c r="AW67" s="1070"/>
      <c r="AX67" s="1070"/>
      <c r="AY67" s="1071"/>
      <c r="AZ67" s="1069"/>
      <c r="BA67" s="1070"/>
      <c r="BB67" s="1070"/>
      <c r="BC67" s="1070"/>
      <c r="BD67" s="1081"/>
      <c r="BE67" s="237"/>
      <c r="BF67" s="237"/>
      <c r="BG67" s="237"/>
      <c r="BH67" s="237"/>
      <c r="BI67" s="237"/>
      <c r="BJ67" s="237"/>
      <c r="BK67" s="237"/>
      <c r="BL67" s="237"/>
      <c r="BM67" s="237"/>
      <c r="BN67" s="237"/>
      <c r="BO67" s="237"/>
      <c r="BP67" s="237"/>
      <c r="BQ67" s="234">
        <v>61</v>
      </c>
      <c r="BR67" s="239"/>
      <c r="BS67" s="1010"/>
      <c r="BT67" s="1011"/>
      <c r="BU67" s="1011"/>
      <c r="BV67" s="1011"/>
      <c r="BW67" s="1011"/>
      <c r="BX67" s="1011"/>
      <c r="BY67" s="1011"/>
      <c r="BZ67" s="1011"/>
      <c r="CA67" s="1011"/>
      <c r="CB67" s="1011"/>
      <c r="CC67" s="1011"/>
      <c r="CD67" s="1011"/>
      <c r="CE67" s="1011"/>
      <c r="CF67" s="1011"/>
      <c r="CG67" s="1020"/>
      <c r="CH67" s="1021"/>
      <c r="CI67" s="1022"/>
      <c r="CJ67" s="1022"/>
      <c r="CK67" s="1022"/>
      <c r="CL67" s="1023"/>
      <c r="CM67" s="1021"/>
      <c r="CN67" s="1022"/>
      <c r="CO67" s="1022"/>
      <c r="CP67" s="1022"/>
      <c r="CQ67" s="1023"/>
      <c r="CR67" s="1021"/>
      <c r="CS67" s="1022"/>
      <c r="CT67" s="1022"/>
      <c r="CU67" s="1022"/>
      <c r="CV67" s="1023"/>
      <c r="CW67" s="1021"/>
      <c r="CX67" s="1022"/>
      <c r="CY67" s="1022"/>
      <c r="CZ67" s="1022"/>
      <c r="DA67" s="1023"/>
      <c r="DB67" s="1021"/>
      <c r="DC67" s="1022"/>
      <c r="DD67" s="1022"/>
      <c r="DE67" s="1022"/>
      <c r="DF67" s="1023"/>
      <c r="DG67" s="1021"/>
      <c r="DH67" s="1022"/>
      <c r="DI67" s="1022"/>
      <c r="DJ67" s="1022"/>
      <c r="DK67" s="1023"/>
      <c r="DL67" s="1021"/>
      <c r="DM67" s="1022"/>
      <c r="DN67" s="1022"/>
      <c r="DO67" s="1022"/>
      <c r="DP67" s="1023"/>
      <c r="DQ67" s="1021"/>
      <c r="DR67" s="1022"/>
      <c r="DS67" s="1022"/>
      <c r="DT67" s="1022"/>
      <c r="DU67" s="1023"/>
      <c r="DV67" s="1010"/>
      <c r="DW67" s="1011"/>
      <c r="DX67" s="1011"/>
      <c r="DY67" s="1011"/>
      <c r="DZ67" s="1012"/>
      <c r="EA67" s="226"/>
    </row>
    <row r="68" spans="1:131" ht="26.25" customHeight="1" thickTop="1" x14ac:dyDescent="0.2">
      <c r="A68" s="232">
        <v>1</v>
      </c>
      <c r="B68" s="1050" t="s">
        <v>586</v>
      </c>
      <c r="C68" s="1051"/>
      <c r="D68" s="1051"/>
      <c r="E68" s="1051"/>
      <c r="F68" s="1051"/>
      <c r="G68" s="1051"/>
      <c r="H68" s="1051"/>
      <c r="I68" s="1051"/>
      <c r="J68" s="1051"/>
      <c r="K68" s="1051"/>
      <c r="L68" s="1051"/>
      <c r="M68" s="1051"/>
      <c r="N68" s="1051"/>
      <c r="O68" s="1051"/>
      <c r="P68" s="1052"/>
      <c r="Q68" s="1053">
        <v>1091</v>
      </c>
      <c r="R68" s="1047"/>
      <c r="S68" s="1047"/>
      <c r="T68" s="1047"/>
      <c r="U68" s="1047"/>
      <c r="V68" s="1047">
        <v>1039</v>
      </c>
      <c r="W68" s="1047"/>
      <c r="X68" s="1047"/>
      <c r="Y68" s="1047"/>
      <c r="Z68" s="1047"/>
      <c r="AA68" s="1047">
        <v>53</v>
      </c>
      <c r="AB68" s="1047"/>
      <c r="AC68" s="1047"/>
      <c r="AD68" s="1047"/>
      <c r="AE68" s="1047"/>
      <c r="AF68" s="1047">
        <v>53</v>
      </c>
      <c r="AG68" s="1047"/>
      <c r="AH68" s="1047"/>
      <c r="AI68" s="1047"/>
      <c r="AJ68" s="1047"/>
      <c r="AK68" s="1047" t="s">
        <v>595</v>
      </c>
      <c r="AL68" s="1047"/>
      <c r="AM68" s="1047"/>
      <c r="AN68" s="1047"/>
      <c r="AO68" s="1047"/>
      <c r="AP68" s="1047">
        <v>5364</v>
      </c>
      <c r="AQ68" s="1047"/>
      <c r="AR68" s="1047"/>
      <c r="AS68" s="1047"/>
      <c r="AT68" s="1047"/>
      <c r="AU68" s="1047">
        <v>790</v>
      </c>
      <c r="AV68" s="1047"/>
      <c r="AW68" s="1047"/>
      <c r="AX68" s="1047"/>
      <c r="AY68" s="1047"/>
      <c r="AZ68" s="1048"/>
      <c r="BA68" s="1048"/>
      <c r="BB68" s="1048"/>
      <c r="BC68" s="1048"/>
      <c r="BD68" s="1049"/>
      <c r="BE68" s="237"/>
      <c r="BF68" s="237"/>
      <c r="BG68" s="237"/>
      <c r="BH68" s="237"/>
      <c r="BI68" s="237"/>
      <c r="BJ68" s="237"/>
      <c r="BK68" s="237"/>
      <c r="BL68" s="237"/>
      <c r="BM68" s="237"/>
      <c r="BN68" s="237"/>
      <c r="BO68" s="237"/>
      <c r="BP68" s="237"/>
      <c r="BQ68" s="234">
        <v>62</v>
      </c>
      <c r="BR68" s="239"/>
      <c r="BS68" s="1010"/>
      <c r="BT68" s="1011"/>
      <c r="BU68" s="1011"/>
      <c r="BV68" s="1011"/>
      <c r="BW68" s="1011"/>
      <c r="BX68" s="1011"/>
      <c r="BY68" s="1011"/>
      <c r="BZ68" s="1011"/>
      <c r="CA68" s="1011"/>
      <c r="CB68" s="1011"/>
      <c r="CC68" s="1011"/>
      <c r="CD68" s="1011"/>
      <c r="CE68" s="1011"/>
      <c r="CF68" s="1011"/>
      <c r="CG68" s="1020"/>
      <c r="CH68" s="1021"/>
      <c r="CI68" s="1022"/>
      <c r="CJ68" s="1022"/>
      <c r="CK68" s="1022"/>
      <c r="CL68" s="1023"/>
      <c r="CM68" s="1021"/>
      <c r="CN68" s="1022"/>
      <c r="CO68" s="1022"/>
      <c r="CP68" s="1022"/>
      <c r="CQ68" s="1023"/>
      <c r="CR68" s="1021"/>
      <c r="CS68" s="1022"/>
      <c r="CT68" s="1022"/>
      <c r="CU68" s="1022"/>
      <c r="CV68" s="1023"/>
      <c r="CW68" s="1021"/>
      <c r="CX68" s="1022"/>
      <c r="CY68" s="1022"/>
      <c r="CZ68" s="1022"/>
      <c r="DA68" s="1023"/>
      <c r="DB68" s="1021"/>
      <c r="DC68" s="1022"/>
      <c r="DD68" s="1022"/>
      <c r="DE68" s="1022"/>
      <c r="DF68" s="1023"/>
      <c r="DG68" s="1021"/>
      <c r="DH68" s="1022"/>
      <c r="DI68" s="1022"/>
      <c r="DJ68" s="1022"/>
      <c r="DK68" s="1023"/>
      <c r="DL68" s="1021"/>
      <c r="DM68" s="1022"/>
      <c r="DN68" s="1022"/>
      <c r="DO68" s="1022"/>
      <c r="DP68" s="1023"/>
      <c r="DQ68" s="1021"/>
      <c r="DR68" s="1022"/>
      <c r="DS68" s="1022"/>
      <c r="DT68" s="1022"/>
      <c r="DU68" s="1023"/>
      <c r="DV68" s="1010"/>
      <c r="DW68" s="1011"/>
      <c r="DX68" s="1011"/>
      <c r="DY68" s="1011"/>
      <c r="DZ68" s="1012"/>
      <c r="EA68" s="226"/>
    </row>
    <row r="69" spans="1:131" ht="26.25" customHeight="1" x14ac:dyDescent="0.2">
      <c r="A69" s="234">
        <v>2</v>
      </c>
      <c r="B69" s="1039" t="s">
        <v>587</v>
      </c>
      <c r="C69" s="1040"/>
      <c r="D69" s="1040"/>
      <c r="E69" s="1040"/>
      <c r="F69" s="1040"/>
      <c r="G69" s="1040"/>
      <c r="H69" s="1040"/>
      <c r="I69" s="1040"/>
      <c r="J69" s="1040"/>
      <c r="K69" s="1040"/>
      <c r="L69" s="1040"/>
      <c r="M69" s="1040"/>
      <c r="N69" s="1040"/>
      <c r="O69" s="1040"/>
      <c r="P69" s="1041"/>
      <c r="Q69" s="1042">
        <v>3318</v>
      </c>
      <c r="R69" s="1036"/>
      <c r="S69" s="1036"/>
      <c r="T69" s="1036"/>
      <c r="U69" s="1036"/>
      <c r="V69" s="1036">
        <v>3213</v>
      </c>
      <c r="W69" s="1036"/>
      <c r="X69" s="1036"/>
      <c r="Y69" s="1036"/>
      <c r="Z69" s="1036"/>
      <c r="AA69" s="1036">
        <v>106</v>
      </c>
      <c r="AB69" s="1036"/>
      <c r="AC69" s="1036"/>
      <c r="AD69" s="1036"/>
      <c r="AE69" s="1036"/>
      <c r="AF69" s="1036">
        <v>106</v>
      </c>
      <c r="AG69" s="1036"/>
      <c r="AH69" s="1036"/>
      <c r="AI69" s="1036"/>
      <c r="AJ69" s="1036"/>
      <c r="AK69" s="1036" t="s">
        <v>585</v>
      </c>
      <c r="AL69" s="1036"/>
      <c r="AM69" s="1036"/>
      <c r="AN69" s="1036"/>
      <c r="AO69" s="1036"/>
      <c r="AP69" s="1036" t="s">
        <v>595</v>
      </c>
      <c r="AQ69" s="1036"/>
      <c r="AR69" s="1036"/>
      <c r="AS69" s="1036"/>
      <c r="AT69" s="1036"/>
      <c r="AU69" s="1036" t="s">
        <v>595</v>
      </c>
      <c r="AV69" s="1036"/>
      <c r="AW69" s="1036"/>
      <c r="AX69" s="1036"/>
      <c r="AY69" s="1036"/>
      <c r="AZ69" s="1037"/>
      <c r="BA69" s="1037"/>
      <c r="BB69" s="1037"/>
      <c r="BC69" s="1037"/>
      <c r="BD69" s="1038"/>
      <c r="BE69" s="237"/>
      <c r="BF69" s="237"/>
      <c r="BG69" s="237"/>
      <c r="BH69" s="237"/>
      <c r="BI69" s="237"/>
      <c r="BJ69" s="237"/>
      <c r="BK69" s="237"/>
      <c r="BL69" s="237"/>
      <c r="BM69" s="237"/>
      <c r="BN69" s="237"/>
      <c r="BO69" s="237"/>
      <c r="BP69" s="237"/>
      <c r="BQ69" s="234">
        <v>63</v>
      </c>
      <c r="BR69" s="239"/>
      <c r="BS69" s="1010"/>
      <c r="BT69" s="1011"/>
      <c r="BU69" s="1011"/>
      <c r="BV69" s="1011"/>
      <c r="BW69" s="1011"/>
      <c r="BX69" s="1011"/>
      <c r="BY69" s="1011"/>
      <c r="BZ69" s="1011"/>
      <c r="CA69" s="1011"/>
      <c r="CB69" s="1011"/>
      <c r="CC69" s="1011"/>
      <c r="CD69" s="1011"/>
      <c r="CE69" s="1011"/>
      <c r="CF69" s="1011"/>
      <c r="CG69" s="1020"/>
      <c r="CH69" s="1021"/>
      <c r="CI69" s="1022"/>
      <c r="CJ69" s="1022"/>
      <c r="CK69" s="1022"/>
      <c r="CL69" s="1023"/>
      <c r="CM69" s="1021"/>
      <c r="CN69" s="1022"/>
      <c r="CO69" s="1022"/>
      <c r="CP69" s="1022"/>
      <c r="CQ69" s="1023"/>
      <c r="CR69" s="1021"/>
      <c r="CS69" s="1022"/>
      <c r="CT69" s="1022"/>
      <c r="CU69" s="1022"/>
      <c r="CV69" s="1023"/>
      <c r="CW69" s="1021"/>
      <c r="CX69" s="1022"/>
      <c r="CY69" s="1022"/>
      <c r="CZ69" s="1022"/>
      <c r="DA69" s="1023"/>
      <c r="DB69" s="1021"/>
      <c r="DC69" s="1022"/>
      <c r="DD69" s="1022"/>
      <c r="DE69" s="1022"/>
      <c r="DF69" s="1023"/>
      <c r="DG69" s="1021"/>
      <c r="DH69" s="1022"/>
      <c r="DI69" s="1022"/>
      <c r="DJ69" s="1022"/>
      <c r="DK69" s="1023"/>
      <c r="DL69" s="1021"/>
      <c r="DM69" s="1022"/>
      <c r="DN69" s="1022"/>
      <c r="DO69" s="1022"/>
      <c r="DP69" s="1023"/>
      <c r="DQ69" s="1021"/>
      <c r="DR69" s="1022"/>
      <c r="DS69" s="1022"/>
      <c r="DT69" s="1022"/>
      <c r="DU69" s="1023"/>
      <c r="DV69" s="1010"/>
      <c r="DW69" s="1011"/>
      <c r="DX69" s="1011"/>
      <c r="DY69" s="1011"/>
      <c r="DZ69" s="1012"/>
      <c r="EA69" s="226"/>
    </row>
    <row r="70" spans="1:131" ht="26.25" customHeight="1" x14ac:dyDescent="0.2">
      <c r="A70" s="234">
        <v>3</v>
      </c>
      <c r="B70" s="1039" t="s">
        <v>588</v>
      </c>
      <c r="C70" s="1040"/>
      <c r="D70" s="1040"/>
      <c r="E70" s="1040"/>
      <c r="F70" s="1040"/>
      <c r="G70" s="1040"/>
      <c r="H70" s="1040"/>
      <c r="I70" s="1040"/>
      <c r="J70" s="1040"/>
      <c r="K70" s="1040"/>
      <c r="L70" s="1040"/>
      <c r="M70" s="1040"/>
      <c r="N70" s="1040"/>
      <c r="O70" s="1040"/>
      <c r="P70" s="1041"/>
      <c r="Q70" s="1042">
        <v>4336</v>
      </c>
      <c r="R70" s="1036"/>
      <c r="S70" s="1036"/>
      <c r="T70" s="1036"/>
      <c r="U70" s="1036"/>
      <c r="V70" s="1036">
        <v>3735</v>
      </c>
      <c r="W70" s="1036"/>
      <c r="X70" s="1036"/>
      <c r="Y70" s="1036"/>
      <c r="Z70" s="1036"/>
      <c r="AA70" s="1036">
        <v>602</v>
      </c>
      <c r="AB70" s="1036"/>
      <c r="AC70" s="1036"/>
      <c r="AD70" s="1036"/>
      <c r="AE70" s="1036"/>
      <c r="AF70" s="1036">
        <v>602</v>
      </c>
      <c r="AG70" s="1036"/>
      <c r="AH70" s="1036"/>
      <c r="AI70" s="1036"/>
      <c r="AJ70" s="1036"/>
      <c r="AK70" s="1036" t="s">
        <v>585</v>
      </c>
      <c r="AL70" s="1036"/>
      <c r="AM70" s="1036"/>
      <c r="AN70" s="1036"/>
      <c r="AO70" s="1036"/>
      <c r="AP70" s="1036" t="s">
        <v>595</v>
      </c>
      <c r="AQ70" s="1036"/>
      <c r="AR70" s="1036"/>
      <c r="AS70" s="1036"/>
      <c r="AT70" s="1036"/>
      <c r="AU70" s="1036" t="s">
        <v>595</v>
      </c>
      <c r="AV70" s="1036"/>
      <c r="AW70" s="1036"/>
      <c r="AX70" s="1036"/>
      <c r="AY70" s="1036"/>
      <c r="AZ70" s="1037"/>
      <c r="BA70" s="1037"/>
      <c r="BB70" s="1037"/>
      <c r="BC70" s="1037"/>
      <c r="BD70" s="1038"/>
      <c r="BE70" s="237"/>
      <c r="BF70" s="237"/>
      <c r="BG70" s="237"/>
      <c r="BH70" s="237"/>
      <c r="BI70" s="237"/>
      <c r="BJ70" s="237"/>
      <c r="BK70" s="237"/>
      <c r="BL70" s="237"/>
      <c r="BM70" s="237"/>
      <c r="BN70" s="237"/>
      <c r="BO70" s="237"/>
      <c r="BP70" s="237"/>
      <c r="BQ70" s="234">
        <v>64</v>
      </c>
      <c r="BR70" s="239"/>
      <c r="BS70" s="1010"/>
      <c r="BT70" s="1011"/>
      <c r="BU70" s="1011"/>
      <c r="BV70" s="1011"/>
      <c r="BW70" s="1011"/>
      <c r="BX70" s="1011"/>
      <c r="BY70" s="1011"/>
      <c r="BZ70" s="1011"/>
      <c r="CA70" s="1011"/>
      <c r="CB70" s="1011"/>
      <c r="CC70" s="1011"/>
      <c r="CD70" s="1011"/>
      <c r="CE70" s="1011"/>
      <c r="CF70" s="1011"/>
      <c r="CG70" s="1020"/>
      <c r="CH70" s="1021"/>
      <c r="CI70" s="1022"/>
      <c r="CJ70" s="1022"/>
      <c r="CK70" s="1022"/>
      <c r="CL70" s="1023"/>
      <c r="CM70" s="1021"/>
      <c r="CN70" s="1022"/>
      <c r="CO70" s="1022"/>
      <c r="CP70" s="1022"/>
      <c r="CQ70" s="1023"/>
      <c r="CR70" s="1021"/>
      <c r="CS70" s="1022"/>
      <c r="CT70" s="1022"/>
      <c r="CU70" s="1022"/>
      <c r="CV70" s="1023"/>
      <c r="CW70" s="1021"/>
      <c r="CX70" s="1022"/>
      <c r="CY70" s="1022"/>
      <c r="CZ70" s="1022"/>
      <c r="DA70" s="1023"/>
      <c r="DB70" s="1021"/>
      <c r="DC70" s="1022"/>
      <c r="DD70" s="1022"/>
      <c r="DE70" s="1022"/>
      <c r="DF70" s="1023"/>
      <c r="DG70" s="1021"/>
      <c r="DH70" s="1022"/>
      <c r="DI70" s="1022"/>
      <c r="DJ70" s="1022"/>
      <c r="DK70" s="1023"/>
      <c r="DL70" s="1021"/>
      <c r="DM70" s="1022"/>
      <c r="DN70" s="1022"/>
      <c r="DO70" s="1022"/>
      <c r="DP70" s="1023"/>
      <c r="DQ70" s="1021"/>
      <c r="DR70" s="1022"/>
      <c r="DS70" s="1022"/>
      <c r="DT70" s="1022"/>
      <c r="DU70" s="1023"/>
      <c r="DV70" s="1010"/>
      <c r="DW70" s="1011"/>
      <c r="DX70" s="1011"/>
      <c r="DY70" s="1011"/>
      <c r="DZ70" s="1012"/>
      <c r="EA70" s="226"/>
    </row>
    <row r="71" spans="1:131" ht="26.25" customHeight="1" x14ac:dyDescent="0.2">
      <c r="A71" s="234">
        <v>4</v>
      </c>
      <c r="B71" s="1039" t="s">
        <v>589</v>
      </c>
      <c r="C71" s="1040"/>
      <c r="D71" s="1040"/>
      <c r="E71" s="1040"/>
      <c r="F71" s="1040"/>
      <c r="G71" s="1040"/>
      <c r="H71" s="1040"/>
      <c r="I71" s="1040"/>
      <c r="J71" s="1040"/>
      <c r="K71" s="1040"/>
      <c r="L71" s="1040"/>
      <c r="M71" s="1040"/>
      <c r="N71" s="1040"/>
      <c r="O71" s="1040"/>
      <c r="P71" s="1041"/>
      <c r="Q71" s="1042">
        <v>1008372</v>
      </c>
      <c r="R71" s="1036"/>
      <c r="S71" s="1036"/>
      <c r="T71" s="1036"/>
      <c r="U71" s="1036"/>
      <c r="V71" s="1036">
        <v>987256</v>
      </c>
      <c r="W71" s="1036"/>
      <c r="X71" s="1036"/>
      <c r="Y71" s="1036"/>
      <c r="Z71" s="1036"/>
      <c r="AA71" s="1036">
        <v>21116</v>
      </c>
      <c r="AB71" s="1036"/>
      <c r="AC71" s="1036"/>
      <c r="AD71" s="1036"/>
      <c r="AE71" s="1036"/>
      <c r="AF71" s="1036">
        <v>21116</v>
      </c>
      <c r="AG71" s="1036"/>
      <c r="AH71" s="1036"/>
      <c r="AI71" s="1036"/>
      <c r="AJ71" s="1036"/>
      <c r="AK71" s="1036">
        <v>4210</v>
      </c>
      <c r="AL71" s="1036"/>
      <c r="AM71" s="1036"/>
      <c r="AN71" s="1036"/>
      <c r="AO71" s="1036"/>
      <c r="AP71" s="1036" t="s">
        <v>595</v>
      </c>
      <c r="AQ71" s="1036"/>
      <c r="AR71" s="1036"/>
      <c r="AS71" s="1036"/>
      <c r="AT71" s="1036"/>
      <c r="AU71" s="1036" t="s">
        <v>595</v>
      </c>
      <c r="AV71" s="1036"/>
      <c r="AW71" s="1036"/>
      <c r="AX71" s="1036"/>
      <c r="AY71" s="1036"/>
      <c r="AZ71" s="1037"/>
      <c r="BA71" s="1037"/>
      <c r="BB71" s="1037"/>
      <c r="BC71" s="1037"/>
      <c r="BD71" s="1038"/>
      <c r="BE71" s="237"/>
      <c r="BF71" s="237"/>
      <c r="BG71" s="237"/>
      <c r="BH71" s="237"/>
      <c r="BI71" s="237"/>
      <c r="BJ71" s="237"/>
      <c r="BK71" s="237"/>
      <c r="BL71" s="237"/>
      <c r="BM71" s="237"/>
      <c r="BN71" s="237"/>
      <c r="BO71" s="237"/>
      <c r="BP71" s="237"/>
      <c r="BQ71" s="234">
        <v>65</v>
      </c>
      <c r="BR71" s="239"/>
      <c r="BS71" s="1010"/>
      <c r="BT71" s="1011"/>
      <c r="BU71" s="1011"/>
      <c r="BV71" s="1011"/>
      <c r="BW71" s="1011"/>
      <c r="BX71" s="1011"/>
      <c r="BY71" s="1011"/>
      <c r="BZ71" s="1011"/>
      <c r="CA71" s="1011"/>
      <c r="CB71" s="1011"/>
      <c r="CC71" s="1011"/>
      <c r="CD71" s="1011"/>
      <c r="CE71" s="1011"/>
      <c r="CF71" s="1011"/>
      <c r="CG71" s="1020"/>
      <c r="CH71" s="1021"/>
      <c r="CI71" s="1022"/>
      <c r="CJ71" s="1022"/>
      <c r="CK71" s="1022"/>
      <c r="CL71" s="1023"/>
      <c r="CM71" s="1021"/>
      <c r="CN71" s="1022"/>
      <c r="CO71" s="1022"/>
      <c r="CP71" s="1022"/>
      <c r="CQ71" s="1023"/>
      <c r="CR71" s="1021"/>
      <c r="CS71" s="1022"/>
      <c r="CT71" s="1022"/>
      <c r="CU71" s="1022"/>
      <c r="CV71" s="1023"/>
      <c r="CW71" s="1021"/>
      <c r="CX71" s="1022"/>
      <c r="CY71" s="1022"/>
      <c r="CZ71" s="1022"/>
      <c r="DA71" s="1023"/>
      <c r="DB71" s="1021"/>
      <c r="DC71" s="1022"/>
      <c r="DD71" s="1022"/>
      <c r="DE71" s="1022"/>
      <c r="DF71" s="1023"/>
      <c r="DG71" s="1021"/>
      <c r="DH71" s="1022"/>
      <c r="DI71" s="1022"/>
      <c r="DJ71" s="1022"/>
      <c r="DK71" s="1023"/>
      <c r="DL71" s="1021"/>
      <c r="DM71" s="1022"/>
      <c r="DN71" s="1022"/>
      <c r="DO71" s="1022"/>
      <c r="DP71" s="1023"/>
      <c r="DQ71" s="1021"/>
      <c r="DR71" s="1022"/>
      <c r="DS71" s="1022"/>
      <c r="DT71" s="1022"/>
      <c r="DU71" s="1023"/>
      <c r="DV71" s="1010"/>
      <c r="DW71" s="1011"/>
      <c r="DX71" s="1011"/>
      <c r="DY71" s="1011"/>
      <c r="DZ71" s="1012"/>
      <c r="EA71" s="226"/>
    </row>
    <row r="72" spans="1:131" ht="26.25" customHeight="1" x14ac:dyDescent="0.2">
      <c r="A72" s="234">
        <v>5</v>
      </c>
      <c r="B72" s="1039" t="s">
        <v>590</v>
      </c>
      <c r="C72" s="1040"/>
      <c r="D72" s="1040"/>
      <c r="E72" s="1040"/>
      <c r="F72" s="1040"/>
      <c r="G72" s="1040"/>
      <c r="H72" s="1040"/>
      <c r="I72" s="1040"/>
      <c r="J72" s="1040"/>
      <c r="K72" s="1040"/>
      <c r="L72" s="1040"/>
      <c r="M72" s="1040"/>
      <c r="N72" s="1040"/>
      <c r="O72" s="1040"/>
      <c r="P72" s="1041"/>
      <c r="Q72" s="1042">
        <v>1125</v>
      </c>
      <c r="R72" s="1036"/>
      <c r="S72" s="1036"/>
      <c r="T72" s="1036"/>
      <c r="U72" s="1036"/>
      <c r="V72" s="1036">
        <v>1093</v>
      </c>
      <c r="W72" s="1036"/>
      <c r="X72" s="1036"/>
      <c r="Y72" s="1036"/>
      <c r="Z72" s="1036"/>
      <c r="AA72" s="1036">
        <v>32</v>
      </c>
      <c r="AB72" s="1036"/>
      <c r="AC72" s="1036"/>
      <c r="AD72" s="1036"/>
      <c r="AE72" s="1036"/>
      <c r="AF72" s="1036">
        <v>32</v>
      </c>
      <c r="AG72" s="1036"/>
      <c r="AH72" s="1036"/>
      <c r="AI72" s="1036"/>
      <c r="AJ72" s="1036"/>
      <c r="AK72" s="1036" t="s">
        <v>585</v>
      </c>
      <c r="AL72" s="1036"/>
      <c r="AM72" s="1036"/>
      <c r="AN72" s="1036"/>
      <c r="AO72" s="1036"/>
      <c r="AP72" s="1036" t="s">
        <v>595</v>
      </c>
      <c r="AQ72" s="1036"/>
      <c r="AR72" s="1036"/>
      <c r="AS72" s="1036"/>
      <c r="AT72" s="1036"/>
      <c r="AU72" s="1036" t="s">
        <v>595</v>
      </c>
      <c r="AV72" s="1036"/>
      <c r="AW72" s="1036"/>
      <c r="AX72" s="1036"/>
      <c r="AY72" s="1036"/>
      <c r="AZ72" s="1037"/>
      <c r="BA72" s="1037"/>
      <c r="BB72" s="1037"/>
      <c r="BC72" s="1037"/>
      <c r="BD72" s="1038"/>
      <c r="BE72" s="237"/>
      <c r="BF72" s="237"/>
      <c r="BG72" s="237"/>
      <c r="BH72" s="237"/>
      <c r="BI72" s="237"/>
      <c r="BJ72" s="237"/>
      <c r="BK72" s="237"/>
      <c r="BL72" s="237"/>
      <c r="BM72" s="237"/>
      <c r="BN72" s="237"/>
      <c r="BO72" s="237"/>
      <c r="BP72" s="237"/>
      <c r="BQ72" s="234">
        <v>66</v>
      </c>
      <c r="BR72" s="239"/>
      <c r="BS72" s="1010"/>
      <c r="BT72" s="1011"/>
      <c r="BU72" s="1011"/>
      <c r="BV72" s="1011"/>
      <c r="BW72" s="1011"/>
      <c r="BX72" s="1011"/>
      <c r="BY72" s="1011"/>
      <c r="BZ72" s="1011"/>
      <c r="CA72" s="1011"/>
      <c r="CB72" s="1011"/>
      <c r="CC72" s="1011"/>
      <c r="CD72" s="1011"/>
      <c r="CE72" s="1011"/>
      <c r="CF72" s="1011"/>
      <c r="CG72" s="1020"/>
      <c r="CH72" s="1021"/>
      <c r="CI72" s="1022"/>
      <c r="CJ72" s="1022"/>
      <c r="CK72" s="1022"/>
      <c r="CL72" s="1023"/>
      <c r="CM72" s="1021"/>
      <c r="CN72" s="1022"/>
      <c r="CO72" s="1022"/>
      <c r="CP72" s="1022"/>
      <c r="CQ72" s="1023"/>
      <c r="CR72" s="1021"/>
      <c r="CS72" s="1022"/>
      <c r="CT72" s="1022"/>
      <c r="CU72" s="1022"/>
      <c r="CV72" s="1023"/>
      <c r="CW72" s="1021"/>
      <c r="CX72" s="1022"/>
      <c r="CY72" s="1022"/>
      <c r="CZ72" s="1022"/>
      <c r="DA72" s="1023"/>
      <c r="DB72" s="1021"/>
      <c r="DC72" s="1022"/>
      <c r="DD72" s="1022"/>
      <c r="DE72" s="1022"/>
      <c r="DF72" s="1023"/>
      <c r="DG72" s="1021"/>
      <c r="DH72" s="1022"/>
      <c r="DI72" s="1022"/>
      <c r="DJ72" s="1022"/>
      <c r="DK72" s="1023"/>
      <c r="DL72" s="1021"/>
      <c r="DM72" s="1022"/>
      <c r="DN72" s="1022"/>
      <c r="DO72" s="1022"/>
      <c r="DP72" s="1023"/>
      <c r="DQ72" s="1021"/>
      <c r="DR72" s="1022"/>
      <c r="DS72" s="1022"/>
      <c r="DT72" s="1022"/>
      <c r="DU72" s="1023"/>
      <c r="DV72" s="1010"/>
      <c r="DW72" s="1011"/>
      <c r="DX72" s="1011"/>
      <c r="DY72" s="1011"/>
      <c r="DZ72" s="1012"/>
      <c r="EA72" s="226"/>
    </row>
    <row r="73" spans="1:131" ht="26.25" customHeight="1" x14ac:dyDescent="0.2">
      <c r="A73" s="234">
        <v>6</v>
      </c>
      <c r="B73" s="1039"/>
      <c r="C73" s="1040"/>
      <c r="D73" s="1040"/>
      <c r="E73" s="1040"/>
      <c r="F73" s="1040"/>
      <c r="G73" s="1040"/>
      <c r="H73" s="1040"/>
      <c r="I73" s="1040"/>
      <c r="J73" s="1040"/>
      <c r="K73" s="1040"/>
      <c r="L73" s="1040"/>
      <c r="M73" s="1040"/>
      <c r="N73" s="1040"/>
      <c r="O73" s="1040"/>
      <c r="P73" s="1041"/>
      <c r="Q73" s="1042"/>
      <c r="R73" s="1036"/>
      <c r="S73" s="1036"/>
      <c r="T73" s="1036"/>
      <c r="U73" s="1036"/>
      <c r="V73" s="1036"/>
      <c r="W73" s="1036"/>
      <c r="X73" s="1036"/>
      <c r="Y73" s="1036"/>
      <c r="Z73" s="1036"/>
      <c r="AA73" s="1036"/>
      <c r="AB73" s="1036"/>
      <c r="AC73" s="1036"/>
      <c r="AD73" s="1036"/>
      <c r="AE73" s="1036"/>
      <c r="AF73" s="1036"/>
      <c r="AG73" s="1036"/>
      <c r="AH73" s="1036"/>
      <c r="AI73" s="1036"/>
      <c r="AJ73" s="1036"/>
      <c r="AK73" s="1036"/>
      <c r="AL73" s="1036"/>
      <c r="AM73" s="1036"/>
      <c r="AN73" s="1036"/>
      <c r="AO73" s="1036"/>
      <c r="AP73" s="1036"/>
      <c r="AQ73" s="1036"/>
      <c r="AR73" s="1036"/>
      <c r="AS73" s="1036"/>
      <c r="AT73" s="1036"/>
      <c r="AU73" s="1036"/>
      <c r="AV73" s="1036"/>
      <c r="AW73" s="1036"/>
      <c r="AX73" s="1036"/>
      <c r="AY73" s="1036"/>
      <c r="AZ73" s="1037"/>
      <c r="BA73" s="1037"/>
      <c r="BB73" s="1037"/>
      <c r="BC73" s="1037"/>
      <c r="BD73" s="1038"/>
      <c r="BE73" s="237"/>
      <c r="BF73" s="237"/>
      <c r="BG73" s="237"/>
      <c r="BH73" s="237"/>
      <c r="BI73" s="237"/>
      <c r="BJ73" s="237"/>
      <c r="BK73" s="237"/>
      <c r="BL73" s="237"/>
      <c r="BM73" s="237"/>
      <c r="BN73" s="237"/>
      <c r="BO73" s="237"/>
      <c r="BP73" s="237"/>
      <c r="BQ73" s="234">
        <v>67</v>
      </c>
      <c r="BR73" s="239"/>
      <c r="BS73" s="1010"/>
      <c r="BT73" s="1011"/>
      <c r="BU73" s="1011"/>
      <c r="BV73" s="1011"/>
      <c r="BW73" s="1011"/>
      <c r="BX73" s="1011"/>
      <c r="BY73" s="1011"/>
      <c r="BZ73" s="1011"/>
      <c r="CA73" s="1011"/>
      <c r="CB73" s="1011"/>
      <c r="CC73" s="1011"/>
      <c r="CD73" s="1011"/>
      <c r="CE73" s="1011"/>
      <c r="CF73" s="1011"/>
      <c r="CG73" s="1020"/>
      <c r="CH73" s="1021"/>
      <c r="CI73" s="1022"/>
      <c r="CJ73" s="1022"/>
      <c r="CK73" s="1022"/>
      <c r="CL73" s="1023"/>
      <c r="CM73" s="1021"/>
      <c r="CN73" s="1022"/>
      <c r="CO73" s="1022"/>
      <c r="CP73" s="1022"/>
      <c r="CQ73" s="1023"/>
      <c r="CR73" s="1021"/>
      <c r="CS73" s="1022"/>
      <c r="CT73" s="1022"/>
      <c r="CU73" s="1022"/>
      <c r="CV73" s="1023"/>
      <c r="CW73" s="1021"/>
      <c r="CX73" s="1022"/>
      <c r="CY73" s="1022"/>
      <c r="CZ73" s="1022"/>
      <c r="DA73" s="1023"/>
      <c r="DB73" s="1021"/>
      <c r="DC73" s="1022"/>
      <c r="DD73" s="1022"/>
      <c r="DE73" s="1022"/>
      <c r="DF73" s="1023"/>
      <c r="DG73" s="1021"/>
      <c r="DH73" s="1022"/>
      <c r="DI73" s="1022"/>
      <c r="DJ73" s="1022"/>
      <c r="DK73" s="1023"/>
      <c r="DL73" s="1021"/>
      <c r="DM73" s="1022"/>
      <c r="DN73" s="1022"/>
      <c r="DO73" s="1022"/>
      <c r="DP73" s="1023"/>
      <c r="DQ73" s="1021"/>
      <c r="DR73" s="1022"/>
      <c r="DS73" s="1022"/>
      <c r="DT73" s="1022"/>
      <c r="DU73" s="1023"/>
      <c r="DV73" s="1010"/>
      <c r="DW73" s="1011"/>
      <c r="DX73" s="1011"/>
      <c r="DY73" s="1011"/>
      <c r="DZ73" s="1012"/>
      <c r="EA73" s="226"/>
    </row>
    <row r="74" spans="1:131" ht="26.25" customHeight="1" x14ac:dyDescent="0.2">
      <c r="A74" s="234">
        <v>7</v>
      </c>
      <c r="B74" s="1039"/>
      <c r="C74" s="1040"/>
      <c r="D74" s="1040"/>
      <c r="E74" s="1040"/>
      <c r="F74" s="1040"/>
      <c r="G74" s="1040"/>
      <c r="H74" s="1040"/>
      <c r="I74" s="1040"/>
      <c r="J74" s="1040"/>
      <c r="K74" s="1040"/>
      <c r="L74" s="1040"/>
      <c r="M74" s="1040"/>
      <c r="N74" s="1040"/>
      <c r="O74" s="1040"/>
      <c r="P74" s="1041"/>
      <c r="Q74" s="1042"/>
      <c r="R74" s="1036"/>
      <c r="S74" s="1036"/>
      <c r="T74" s="1036"/>
      <c r="U74" s="1036"/>
      <c r="V74" s="1036"/>
      <c r="W74" s="1036"/>
      <c r="X74" s="1036"/>
      <c r="Y74" s="1036"/>
      <c r="Z74" s="1036"/>
      <c r="AA74" s="1036"/>
      <c r="AB74" s="1036"/>
      <c r="AC74" s="1036"/>
      <c r="AD74" s="1036"/>
      <c r="AE74" s="1036"/>
      <c r="AF74" s="1036"/>
      <c r="AG74" s="1036"/>
      <c r="AH74" s="1036"/>
      <c r="AI74" s="1036"/>
      <c r="AJ74" s="1036"/>
      <c r="AK74" s="1036"/>
      <c r="AL74" s="1036"/>
      <c r="AM74" s="1036"/>
      <c r="AN74" s="1036"/>
      <c r="AO74" s="1036"/>
      <c r="AP74" s="1036"/>
      <c r="AQ74" s="1036"/>
      <c r="AR74" s="1036"/>
      <c r="AS74" s="1036"/>
      <c r="AT74" s="1036"/>
      <c r="AU74" s="1036"/>
      <c r="AV74" s="1036"/>
      <c r="AW74" s="1036"/>
      <c r="AX74" s="1036"/>
      <c r="AY74" s="1036"/>
      <c r="AZ74" s="1037"/>
      <c r="BA74" s="1037"/>
      <c r="BB74" s="1037"/>
      <c r="BC74" s="1037"/>
      <c r="BD74" s="1038"/>
      <c r="BE74" s="237"/>
      <c r="BF74" s="237"/>
      <c r="BG74" s="237"/>
      <c r="BH74" s="237"/>
      <c r="BI74" s="237"/>
      <c r="BJ74" s="237"/>
      <c r="BK74" s="237"/>
      <c r="BL74" s="237"/>
      <c r="BM74" s="237"/>
      <c r="BN74" s="237"/>
      <c r="BO74" s="237"/>
      <c r="BP74" s="237"/>
      <c r="BQ74" s="234">
        <v>68</v>
      </c>
      <c r="BR74" s="239"/>
      <c r="BS74" s="1010"/>
      <c r="BT74" s="1011"/>
      <c r="BU74" s="1011"/>
      <c r="BV74" s="1011"/>
      <c r="BW74" s="1011"/>
      <c r="BX74" s="1011"/>
      <c r="BY74" s="1011"/>
      <c r="BZ74" s="1011"/>
      <c r="CA74" s="1011"/>
      <c r="CB74" s="1011"/>
      <c r="CC74" s="1011"/>
      <c r="CD74" s="1011"/>
      <c r="CE74" s="1011"/>
      <c r="CF74" s="1011"/>
      <c r="CG74" s="1020"/>
      <c r="CH74" s="1021"/>
      <c r="CI74" s="1022"/>
      <c r="CJ74" s="1022"/>
      <c r="CK74" s="1022"/>
      <c r="CL74" s="1023"/>
      <c r="CM74" s="1021"/>
      <c r="CN74" s="1022"/>
      <c r="CO74" s="1022"/>
      <c r="CP74" s="1022"/>
      <c r="CQ74" s="1023"/>
      <c r="CR74" s="1021"/>
      <c r="CS74" s="1022"/>
      <c r="CT74" s="1022"/>
      <c r="CU74" s="1022"/>
      <c r="CV74" s="1023"/>
      <c r="CW74" s="1021"/>
      <c r="CX74" s="1022"/>
      <c r="CY74" s="1022"/>
      <c r="CZ74" s="1022"/>
      <c r="DA74" s="1023"/>
      <c r="DB74" s="1021"/>
      <c r="DC74" s="1022"/>
      <c r="DD74" s="1022"/>
      <c r="DE74" s="1022"/>
      <c r="DF74" s="1023"/>
      <c r="DG74" s="1021"/>
      <c r="DH74" s="1022"/>
      <c r="DI74" s="1022"/>
      <c r="DJ74" s="1022"/>
      <c r="DK74" s="1023"/>
      <c r="DL74" s="1021"/>
      <c r="DM74" s="1022"/>
      <c r="DN74" s="1022"/>
      <c r="DO74" s="1022"/>
      <c r="DP74" s="1023"/>
      <c r="DQ74" s="1021"/>
      <c r="DR74" s="1022"/>
      <c r="DS74" s="1022"/>
      <c r="DT74" s="1022"/>
      <c r="DU74" s="1023"/>
      <c r="DV74" s="1010"/>
      <c r="DW74" s="1011"/>
      <c r="DX74" s="1011"/>
      <c r="DY74" s="1011"/>
      <c r="DZ74" s="1012"/>
      <c r="EA74" s="226"/>
    </row>
    <row r="75" spans="1:131" ht="26.25" customHeight="1" x14ac:dyDescent="0.2">
      <c r="A75" s="234">
        <v>8</v>
      </c>
      <c r="B75" s="1039"/>
      <c r="C75" s="1040"/>
      <c r="D75" s="1040"/>
      <c r="E75" s="1040"/>
      <c r="F75" s="1040"/>
      <c r="G75" s="1040"/>
      <c r="H75" s="1040"/>
      <c r="I75" s="1040"/>
      <c r="J75" s="1040"/>
      <c r="K75" s="1040"/>
      <c r="L75" s="1040"/>
      <c r="M75" s="1040"/>
      <c r="N75" s="1040"/>
      <c r="O75" s="1040"/>
      <c r="P75" s="1041"/>
      <c r="Q75" s="1043"/>
      <c r="R75" s="1044"/>
      <c r="S75" s="1044"/>
      <c r="T75" s="1044"/>
      <c r="U75" s="1045"/>
      <c r="V75" s="1046"/>
      <c r="W75" s="1044"/>
      <c r="X75" s="1044"/>
      <c r="Y75" s="1044"/>
      <c r="Z75" s="1045"/>
      <c r="AA75" s="1046"/>
      <c r="AB75" s="1044"/>
      <c r="AC75" s="1044"/>
      <c r="AD75" s="1044"/>
      <c r="AE75" s="1045"/>
      <c r="AF75" s="1046"/>
      <c r="AG75" s="1044"/>
      <c r="AH75" s="1044"/>
      <c r="AI75" s="1044"/>
      <c r="AJ75" s="1045"/>
      <c r="AK75" s="1046"/>
      <c r="AL75" s="1044"/>
      <c r="AM75" s="1044"/>
      <c r="AN75" s="1044"/>
      <c r="AO75" s="1045"/>
      <c r="AP75" s="1046"/>
      <c r="AQ75" s="1044"/>
      <c r="AR75" s="1044"/>
      <c r="AS75" s="1044"/>
      <c r="AT75" s="1045"/>
      <c r="AU75" s="1046"/>
      <c r="AV75" s="1044"/>
      <c r="AW75" s="1044"/>
      <c r="AX75" s="1044"/>
      <c r="AY75" s="1045"/>
      <c r="AZ75" s="1037"/>
      <c r="BA75" s="1037"/>
      <c r="BB75" s="1037"/>
      <c r="BC75" s="1037"/>
      <c r="BD75" s="1038"/>
      <c r="BE75" s="237"/>
      <c r="BF75" s="237"/>
      <c r="BG75" s="237"/>
      <c r="BH75" s="237"/>
      <c r="BI75" s="237"/>
      <c r="BJ75" s="237"/>
      <c r="BK75" s="237"/>
      <c r="BL75" s="237"/>
      <c r="BM75" s="237"/>
      <c r="BN75" s="237"/>
      <c r="BO75" s="237"/>
      <c r="BP75" s="237"/>
      <c r="BQ75" s="234">
        <v>69</v>
      </c>
      <c r="BR75" s="239"/>
      <c r="BS75" s="1010"/>
      <c r="BT75" s="1011"/>
      <c r="BU75" s="1011"/>
      <c r="BV75" s="1011"/>
      <c r="BW75" s="1011"/>
      <c r="BX75" s="1011"/>
      <c r="BY75" s="1011"/>
      <c r="BZ75" s="1011"/>
      <c r="CA75" s="1011"/>
      <c r="CB75" s="1011"/>
      <c r="CC75" s="1011"/>
      <c r="CD75" s="1011"/>
      <c r="CE75" s="1011"/>
      <c r="CF75" s="1011"/>
      <c r="CG75" s="1020"/>
      <c r="CH75" s="1021"/>
      <c r="CI75" s="1022"/>
      <c r="CJ75" s="1022"/>
      <c r="CK75" s="1022"/>
      <c r="CL75" s="1023"/>
      <c r="CM75" s="1021"/>
      <c r="CN75" s="1022"/>
      <c r="CO75" s="1022"/>
      <c r="CP75" s="1022"/>
      <c r="CQ75" s="1023"/>
      <c r="CR75" s="1021"/>
      <c r="CS75" s="1022"/>
      <c r="CT75" s="1022"/>
      <c r="CU75" s="1022"/>
      <c r="CV75" s="1023"/>
      <c r="CW75" s="1021"/>
      <c r="CX75" s="1022"/>
      <c r="CY75" s="1022"/>
      <c r="CZ75" s="1022"/>
      <c r="DA75" s="1023"/>
      <c r="DB75" s="1021"/>
      <c r="DC75" s="1022"/>
      <c r="DD75" s="1022"/>
      <c r="DE75" s="1022"/>
      <c r="DF75" s="1023"/>
      <c r="DG75" s="1021"/>
      <c r="DH75" s="1022"/>
      <c r="DI75" s="1022"/>
      <c r="DJ75" s="1022"/>
      <c r="DK75" s="1023"/>
      <c r="DL75" s="1021"/>
      <c r="DM75" s="1022"/>
      <c r="DN75" s="1022"/>
      <c r="DO75" s="1022"/>
      <c r="DP75" s="1023"/>
      <c r="DQ75" s="1021"/>
      <c r="DR75" s="1022"/>
      <c r="DS75" s="1022"/>
      <c r="DT75" s="1022"/>
      <c r="DU75" s="1023"/>
      <c r="DV75" s="1010"/>
      <c r="DW75" s="1011"/>
      <c r="DX75" s="1011"/>
      <c r="DY75" s="1011"/>
      <c r="DZ75" s="1012"/>
      <c r="EA75" s="226"/>
    </row>
    <row r="76" spans="1:131" ht="26.25" customHeight="1" x14ac:dyDescent="0.2">
      <c r="A76" s="234">
        <v>9</v>
      </c>
      <c r="B76" s="1039"/>
      <c r="C76" s="1040"/>
      <c r="D76" s="1040"/>
      <c r="E76" s="1040"/>
      <c r="F76" s="1040"/>
      <c r="G76" s="1040"/>
      <c r="H76" s="1040"/>
      <c r="I76" s="1040"/>
      <c r="J76" s="1040"/>
      <c r="K76" s="1040"/>
      <c r="L76" s="1040"/>
      <c r="M76" s="1040"/>
      <c r="N76" s="1040"/>
      <c r="O76" s="1040"/>
      <c r="P76" s="1041"/>
      <c r="Q76" s="1043"/>
      <c r="R76" s="1044"/>
      <c r="S76" s="1044"/>
      <c r="T76" s="1044"/>
      <c r="U76" s="1045"/>
      <c r="V76" s="1046"/>
      <c r="W76" s="1044"/>
      <c r="X76" s="1044"/>
      <c r="Y76" s="1044"/>
      <c r="Z76" s="1045"/>
      <c r="AA76" s="1046"/>
      <c r="AB76" s="1044"/>
      <c r="AC76" s="1044"/>
      <c r="AD76" s="1044"/>
      <c r="AE76" s="1045"/>
      <c r="AF76" s="1046"/>
      <c r="AG76" s="1044"/>
      <c r="AH76" s="1044"/>
      <c r="AI76" s="1044"/>
      <c r="AJ76" s="1045"/>
      <c r="AK76" s="1046"/>
      <c r="AL76" s="1044"/>
      <c r="AM76" s="1044"/>
      <c r="AN76" s="1044"/>
      <c r="AO76" s="1045"/>
      <c r="AP76" s="1046"/>
      <c r="AQ76" s="1044"/>
      <c r="AR76" s="1044"/>
      <c r="AS76" s="1044"/>
      <c r="AT76" s="1045"/>
      <c r="AU76" s="1046"/>
      <c r="AV76" s="1044"/>
      <c r="AW76" s="1044"/>
      <c r="AX76" s="1044"/>
      <c r="AY76" s="1045"/>
      <c r="AZ76" s="1037"/>
      <c r="BA76" s="1037"/>
      <c r="BB76" s="1037"/>
      <c r="BC76" s="1037"/>
      <c r="BD76" s="1038"/>
      <c r="BE76" s="237"/>
      <c r="BF76" s="237"/>
      <c r="BG76" s="237"/>
      <c r="BH76" s="237"/>
      <c r="BI76" s="237"/>
      <c r="BJ76" s="237"/>
      <c r="BK76" s="237"/>
      <c r="BL76" s="237"/>
      <c r="BM76" s="237"/>
      <c r="BN76" s="237"/>
      <c r="BO76" s="237"/>
      <c r="BP76" s="237"/>
      <c r="BQ76" s="234">
        <v>70</v>
      </c>
      <c r="BR76" s="239"/>
      <c r="BS76" s="1010"/>
      <c r="BT76" s="1011"/>
      <c r="BU76" s="1011"/>
      <c r="BV76" s="1011"/>
      <c r="BW76" s="1011"/>
      <c r="BX76" s="1011"/>
      <c r="BY76" s="1011"/>
      <c r="BZ76" s="1011"/>
      <c r="CA76" s="1011"/>
      <c r="CB76" s="1011"/>
      <c r="CC76" s="1011"/>
      <c r="CD76" s="1011"/>
      <c r="CE76" s="1011"/>
      <c r="CF76" s="1011"/>
      <c r="CG76" s="1020"/>
      <c r="CH76" s="1021"/>
      <c r="CI76" s="1022"/>
      <c r="CJ76" s="1022"/>
      <c r="CK76" s="1022"/>
      <c r="CL76" s="1023"/>
      <c r="CM76" s="1021"/>
      <c r="CN76" s="1022"/>
      <c r="CO76" s="1022"/>
      <c r="CP76" s="1022"/>
      <c r="CQ76" s="1023"/>
      <c r="CR76" s="1021"/>
      <c r="CS76" s="1022"/>
      <c r="CT76" s="1022"/>
      <c r="CU76" s="1022"/>
      <c r="CV76" s="1023"/>
      <c r="CW76" s="1021"/>
      <c r="CX76" s="1022"/>
      <c r="CY76" s="1022"/>
      <c r="CZ76" s="1022"/>
      <c r="DA76" s="1023"/>
      <c r="DB76" s="1021"/>
      <c r="DC76" s="1022"/>
      <c r="DD76" s="1022"/>
      <c r="DE76" s="1022"/>
      <c r="DF76" s="1023"/>
      <c r="DG76" s="1021"/>
      <c r="DH76" s="1022"/>
      <c r="DI76" s="1022"/>
      <c r="DJ76" s="1022"/>
      <c r="DK76" s="1023"/>
      <c r="DL76" s="1021"/>
      <c r="DM76" s="1022"/>
      <c r="DN76" s="1022"/>
      <c r="DO76" s="1022"/>
      <c r="DP76" s="1023"/>
      <c r="DQ76" s="1021"/>
      <c r="DR76" s="1022"/>
      <c r="DS76" s="1022"/>
      <c r="DT76" s="1022"/>
      <c r="DU76" s="1023"/>
      <c r="DV76" s="1010"/>
      <c r="DW76" s="1011"/>
      <c r="DX76" s="1011"/>
      <c r="DY76" s="1011"/>
      <c r="DZ76" s="1012"/>
      <c r="EA76" s="226"/>
    </row>
    <row r="77" spans="1:131" ht="26.25" customHeight="1" x14ac:dyDescent="0.2">
      <c r="A77" s="234">
        <v>10</v>
      </c>
      <c r="B77" s="1039"/>
      <c r="C77" s="1040"/>
      <c r="D77" s="1040"/>
      <c r="E77" s="1040"/>
      <c r="F77" s="1040"/>
      <c r="G77" s="1040"/>
      <c r="H77" s="1040"/>
      <c r="I77" s="1040"/>
      <c r="J77" s="1040"/>
      <c r="K77" s="1040"/>
      <c r="L77" s="1040"/>
      <c r="M77" s="1040"/>
      <c r="N77" s="1040"/>
      <c r="O77" s="1040"/>
      <c r="P77" s="1041"/>
      <c r="Q77" s="1043"/>
      <c r="R77" s="1044"/>
      <c r="S77" s="1044"/>
      <c r="T77" s="1044"/>
      <c r="U77" s="1045"/>
      <c r="V77" s="1046"/>
      <c r="W77" s="1044"/>
      <c r="X77" s="1044"/>
      <c r="Y77" s="1044"/>
      <c r="Z77" s="1045"/>
      <c r="AA77" s="1046"/>
      <c r="AB77" s="1044"/>
      <c r="AC77" s="1044"/>
      <c r="AD77" s="1044"/>
      <c r="AE77" s="1045"/>
      <c r="AF77" s="1046"/>
      <c r="AG77" s="1044"/>
      <c r="AH77" s="1044"/>
      <c r="AI77" s="1044"/>
      <c r="AJ77" s="1045"/>
      <c r="AK77" s="1046"/>
      <c r="AL77" s="1044"/>
      <c r="AM77" s="1044"/>
      <c r="AN77" s="1044"/>
      <c r="AO77" s="1045"/>
      <c r="AP77" s="1046"/>
      <c r="AQ77" s="1044"/>
      <c r="AR77" s="1044"/>
      <c r="AS77" s="1044"/>
      <c r="AT77" s="1045"/>
      <c r="AU77" s="1046"/>
      <c r="AV77" s="1044"/>
      <c r="AW77" s="1044"/>
      <c r="AX77" s="1044"/>
      <c r="AY77" s="1045"/>
      <c r="AZ77" s="1037"/>
      <c r="BA77" s="1037"/>
      <c r="BB77" s="1037"/>
      <c r="BC77" s="1037"/>
      <c r="BD77" s="1038"/>
      <c r="BE77" s="237"/>
      <c r="BF77" s="237"/>
      <c r="BG77" s="237"/>
      <c r="BH77" s="237"/>
      <c r="BI77" s="237"/>
      <c r="BJ77" s="237"/>
      <c r="BK77" s="237"/>
      <c r="BL77" s="237"/>
      <c r="BM77" s="237"/>
      <c r="BN77" s="237"/>
      <c r="BO77" s="237"/>
      <c r="BP77" s="237"/>
      <c r="BQ77" s="234">
        <v>71</v>
      </c>
      <c r="BR77" s="239"/>
      <c r="BS77" s="1010"/>
      <c r="BT77" s="1011"/>
      <c r="BU77" s="1011"/>
      <c r="BV77" s="1011"/>
      <c r="BW77" s="1011"/>
      <c r="BX77" s="1011"/>
      <c r="BY77" s="1011"/>
      <c r="BZ77" s="1011"/>
      <c r="CA77" s="1011"/>
      <c r="CB77" s="1011"/>
      <c r="CC77" s="1011"/>
      <c r="CD77" s="1011"/>
      <c r="CE77" s="1011"/>
      <c r="CF77" s="1011"/>
      <c r="CG77" s="1020"/>
      <c r="CH77" s="1021"/>
      <c r="CI77" s="1022"/>
      <c r="CJ77" s="1022"/>
      <c r="CK77" s="1022"/>
      <c r="CL77" s="1023"/>
      <c r="CM77" s="1021"/>
      <c r="CN77" s="1022"/>
      <c r="CO77" s="1022"/>
      <c r="CP77" s="1022"/>
      <c r="CQ77" s="1023"/>
      <c r="CR77" s="1021"/>
      <c r="CS77" s="1022"/>
      <c r="CT77" s="1022"/>
      <c r="CU77" s="1022"/>
      <c r="CV77" s="1023"/>
      <c r="CW77" s="1021"/>
      <c r="CX77" s="1022"/>
      <c r="CY77" s="1022"/>
      <c r="CZ77" s="1022"/>
      <c r="DA77" s="1023"/>
      <c r="DB77" s="1021"/>
      <c r="DC77" s="1022"/>
      <c r="DD77" s="1022"/>
      <c r="DE77" s="1022"/>
      <c r="DF77" s="1023"/>
      <c r="DG77" s="1021"/>
      <c r="DH77" s="1022"/>
      <c r="DI77" s="1022"/>
      <c r="DJ77" s="1022"/>
      <c r="DK77" s="1023"/>
      <c r="DL77" s="1021"/>
      <c r="DM77" s="1022"/>
      <c r="DN77" s="1022"/>
      <c r="DO77" s="1022"/>
      <c r="DP77" s="1023"/>
      <c r="DQ77" s="1021"/>
      <c r="DR77" s="1022"/>
      <c r="DS77" s="1022"/>
      <c r="DT77" s="1022"/>
      <c r="DU77" s="1023"/>
      <c r="DV77" s="1010"/>
      <c r="DW77" s="1011"/>
      <c r="DX77" s="1011"/>
      <c r="DY77" s="1011"/>
      <c r="DZ77" s="1012"/>
      <c r="EA77" s="226"/>
    </row>
    <row r="78" spans="1:131" ht="26.25" customHeight="1" x14ac:dyDescent="0.2">
      <c r="A78" s="234">
        <v>11</v>
      </c>
      <c r="B78" s="1039"/>
      <c r="C78" s="1040"/>
      <c r="D78" s="1040"/>
      <c r="E78" s="1040"/>
      <c r="F78" s="1040"/>
      <c r="G78" s="1040"/>
      <c r="H78" s="1040"/>
      <c r="I78" s="1040"/>
      <c r="J78" s="1040"/>
      <c r="K78" s="1040"/>
      <c r="L78" s="1040"/>
      <c r="M78" s="1040"/>
      <c r="N78" s="1040"/>
      <c r="O78" s="1040"/>
      <c r="P78" s="1041"/>
      <c r="Q78" s="1042"/>
      <c r="R78" s="1036"/>
      <c r="S78" s="1036"/>
      <c r="T78" s="1036"/>
      <c r="U78" s="1036"/>
      <c r="V78" s="1036"/>
      <c r="W78" s="1036"/>
      <c r="X78" s="1036"/>
      <c r="Y78" s="1036"/>
      <c r="Z78" s="1036"/>
      <c r="AA78" s="1036"/>
      <c r="AB78" s="1036"/>
      <c r="AC78" s="1036"/>
      <c r="AD78" s="1036"/>
      <c r="AE78" s="1036"/>
      <c r="AF78" s="1036"/>
      <c r="AG78" s="1036"/>
      <c r="AH78" s="1036"/>
      <c r="AI78" s="1036"/>
      <c r="AJ78" s="1036"/>
      <c r="AK78" s="1036"/>
      <c r="AL78" s="1036"/>
      <c r="AM78" s="1036"/>
      <c r="AN78" s="1036"/>
      <c r="AO78" s="1036"/>
      <c r="AP78" s="1036"/>
      <c r="AQ78" s="1036"/>
      <c r="AR78" s="1036"/>
      <c r="AS78" s="1036"/>
      <c r="AT78" s="1036"/>
      <c r="AU78" s="1036"/>
      <c r="AV78" s="1036"/>
      <c r="AW78" s="1036"/>
      <c r="AX78" s="1036"/>
      <c r="AY78" s="1036"/>
      <c r="AZ78" s="1037"/>
      <c r="BA78" s="1037"/>
      <c r="BB78" s="1037"/>
      <c r="BC78" s="1037"/>
      <c r="BD78" s="1038"/>
      <c r="BE78" s="237"/>
      <c r="BF78" s="237"/>
      <c r="BG78" s="237"/>
      <c r="BH78" s="237"/>
      <c r="BI78" s="237"/>
      <c r="BJ78" s="226"/>
      <c r="BK78" s="226"/>
      <c r="BL78" s="226"/>
      <c r="BM78" s="226"/>
      <c r="BN78" s="226"/>
      <c r="BO78" s="237"/>
      <c r="BP78" s="237"/>
      <c r="BQ78" s="234">
        <v>72</v>
      </c>
      <c r="BR78" s="239"/>
      <c r="BS78" s="1010"/>
      <c r="BT78" s="1011"/>
      <c r="BU78" s="1011"/>
      <c r="BV78" s="1011"/>
      <c r="BW78" s="1011"/>
      <c r="BX78" s="1011"/>
      <c r="BY78" s="1011"/>
      <c r="BZ78" s="1011"/>
      <c r="CA78" s="1011"/>
      <c r="CB78" s="1011"/>
      <c r="CC78" s="1011"/>
      <c r="CD78" s="1011"/>
      <c r="CE78" s="1011"/>
      <c r="CF78" s="1011"/>
      <c r="CG78" s="1020"/>
      <c r="CH78" s="1021"/>
      <c r="CI78" s="1022"/>
      <c r="CJ78" s="1022"/>
      <c r="CK78" s="1022"/>
      <c r="CL78" s="1023"/>
      <c r="CM78" s="1021"/>
      <c r="CN78" s="1022"/>
      <c r="CO78" s="1022"/>
      <c r="CP78" s="1022"/>
      <c r="CQ78" s="1023"/>
      <c r="CR78" s="1021"/>
      <c r="CS78" s="1022"/>
      <c r="CT78" s="1022"/>
      <c r="CU78" s="1022"/>
      <c r="CV78" s="1023"/>
      <c r="CW78" s="1021"/>
      <c r="CX78" s="1022"/>
      <c r="CY78" s="1022"/>
      <c r="CZ78" s="1022"/>
      <c r="DA78" s="1023"/>
      <c r="DB78" s="1021"/>
      <c r="DC78" s="1022"/>
      <c r="DD78" s="1022"/>
      <c r="DE78" s="1022"/>
      <c r="DF78" s="1023"/>
      <c r="DG78" s="1021"/>
      <c r="DH78" s="1022"/>
      <c r="DI78" s="1022"/>
      <c r="DJ78" s="1022"/>
      <c r="DK78" s="1023"/>
      <c r="DL78" s="1021"/>
      <c r="DM78" s="1022"/>
      <c r="DN78" s="1022"/>
      <c r="DO78" s="1022"/>
      <c r="DP78" s="1023"/>
      <c r="DQ78" s="1021"/>
      <c r="DR78" s="1022"/>
      <c r="DS78" s="1022"/>
      <c r="DT78" s="1022"/>
      <c r="DU78" s="1023"/>
      <c r="DV78" s="1010"/>
      <c r="DW78" s="1011"/>
      <c r="DX78" s="1011"/>
      <c r="DY78" s="1011"/>
      <c r="DZ78" s="1012"/>
      <c r="EA78" s="226"/>
    </row>
    <row r="79" spans="1:131" ht="26.25" customHeight="1" x14ac:dyDescent="0.2">
      <c r="A79" s="234">
        <v>12</v>
      </c>
      <c r="B79" s="1039"/>
      <c r="C79" s="1040"/>
      <c r="D79" s="1040"/>
      <c r="E79" s="1040"/>
      <c r="F79" s="1040"/>
      <c r="G79" s="1040"/>
      <c r="H79" s="1040"/>
      <c r="I79" s="1040"/>
      <c r="J79" s="1040"/>
      <c r="K79" s="1040"/>
      <c r="L79" s="1040"/>
      <c r="M79" s="1040"/>
      <c r="N79" s="1040"/>
      <c r="O79" s="1040"/>
      <c r="P79" s="1041"/>
      <c r="Q79" s="1042"/>
      <c r="R79" s="1036"/>
      <c r="S79" s="1036"/>
      <c r="T79" s="1036"/>
      <c r="U79" s="1036"/>
      <c r="V79" s="1036"/>
      <c r="W79" s="1036"/>
      <c r="X79" s="1036"/>
      <c r="Y79" s="1036"/>
      <c r="Z79" s="1036"/>
      <c r="AA79" s="1036"/>
      <c r="AB79" s="1036"/>
      <c r="AC79" s="1036"/>
      <c r="AD79" s="1036"/>
      <c r="AE79" s="1036"/>
      <c r="AF79" s="1036"/>
      <c r="AG79" s="1036"/>
      <c r="AH79" s="1036"/>
      <c r="AI79" s="1036"/>
      <c r="AJ79" s="1036"/>
      <c r="AK79" s="1036"/>
      <c r="AL79" s="1036"/>
      <c r="AM79" s="1036"/>
      <c r="AN79" s="1036"/>
      <c r="AO79" s="1036"/>
      <c r="AP79" s="1036"/>
      <c r="AQ79" s="1036"/>
      <c r="AR79" s="1036"/>
      <c r="AS79" s="1036"/>
      <c r="AT79" s="1036"/>
      <c r="AU79" s="1036"/>
      <c r="AV79" s="1036"/>
      <c r="AW79" s="1036"/>
      <c r="AX79" s="1036"/>
      <c r="AY79" s="1036"/>
      <c r="AZ79" s="1037"/>
      <c r="BA79" s="1037"/>
      <c r="BB79" s="1037"/>
      <c r="BC79" s="1037"/>
      <c r="BD79" s="1038"/>
      <c r="BE79" s="237"/>
      <c r="BF79" s="237"/>
      <c r="BG79" s="237"/>
      <c r="BH79" s="237"/>
      <c r="BI79" s="237"/>
      <c r="BJ79" s="226"/>
      <c r="BK79" s="226"/>
      <c r="BL79" s="226"/>
      <c r="BM79" s="226"/>
      <c r="BN79" s="226"/>
      <c r="BO79" s="237"/>
      <c r="BP79" s="237"/>
      <c r="BQ79" s="234">
        <v>73</v>
      </c>
      <c r="BR79" s="239"/>
      <c r="BS79" s="1010"/>
      <c r="BT79" s="1011"/>
      <c r="BU79" s="1011"/>
      <c r="BV79" s="1011"/>
      <c r="BW79" s="1011"/>
      <c r="BX79" s="1011"/>
      <c r="BY79" s="1011"/>
      <c r="BZ79" s="1011"/>
      <c r="CA79" s="1011"/>
      <c r="CB79" s="1011"/>
      <c r="CC79" s="1011"/>
      <c r="CD79" s="1011"/>
      <c r="CE79" s="1011"/>
      <c r="CF79" s="1011"/>
      <c r="CG79" s="1020"/>
      <c r="CH79" s="1021"/>
      <c r="CI79" s="1022"/>
      <c r="CJ79" s="1022"/>
      <c r="CK79" s="1022"/>
      <c r="CL79" s="1023"/>
      <c r="CM79" s="1021"/>
      <c r="CN79" s="1022"/>
      <c r="CO79" s="1022"/>
      <c r="CP79" s="1022"/>
      <c r="CQ79" s="1023"/>
      <c r="CR79" s="1021"/>
      <c r="CS79" s="1022"/>
      <c r="CT79" s="1022"/>
      <c r="CU79" s="1022"/>
      <c r="CV79" s="1023"/>
      <c r="CW79" s="1021"/>
      <c r="CX79" s="1022"/>
      <c r="CY79" s="1022"/>
      <c r="CZ79" s="1022"/>
      <c r="DA79" s="1023"/>
      <c r="DB79" s="1021"/>
      <c r="DC79" s="1022"/>
      <c r="DD79" s="1022"/>
      <c r="DE79" s="1022"/>
      <c r="DF79" s="1023"/>
      <c r="DG79" s="1021"/>
      <c r="DH79" s="1022"/>
      <c r="DI79" s="1022"/>
      <c r="DJ79" s="1022"/>
      <c r="DK79" s="1023"/>
      <c r="DL79" s="1021"/>
      <c r="DM79" s="1022"/>
      <c r="DN79" s="1022"/>
      <c r="DO79" s="1022"/>
      <c r="DP79" s="1023"/>
      <c r="DQ79" s="1021"/>
      <c r="DR79" s="1022"/>
      <c r="DS79" s="1022"/>
      <c r="DT79" s="1022"/>
      <c r="DU79" s="1023"/>
      <c r="DV79" s="1010"/>
      <c r="DW79" s="1011"/>
      <c r="DX79" s="1011"/>
      <c r="DY79" s="1011"/>
      <c r="DZ79" s="1012"/>
      <c r="EA79" s="226"/>
    </row>
    <row r="80" spans="1:131" ht="26.25" customHeight="1" x14ac:dyDescent="0.2">
      <c r="A80" s="234">
        <v>13</v>
      </c>
      <c r="B80" s="1039"/>
      <c r="C80" s="1040"/>
      <c r="D80" s="1040"/>
      <c r="E80" s="1040"/>
      <c r="F80" s="1040"/>
      <c r="G80" s="1040"/>
      <c r="H80" s="1040"/>
      <c r="I80" s="1040"/>
      <c r="J80" s="1040"/>
      <c r="K80" s="1040"/>
      <c r="L80" s="1040"/>
      <c r="M80" s="1040"/>
      <c r="N80" s="1040"/>
      <c r="O80" s="1040"/>
      <c r="P80" s="1041"/>
      <c r="Q80" s="1042"/>
      <c r="R80" s="1036"/>
      <c r="S80" s="1036"/>
      <c r="T80" s="1036"/>
      <c r="U80" s="1036"/>
      <c r="V80" s="1036"/>
      <c r="W80" s="1036"/>
      <c r="X80" s="1036"/>
      <c r="Y80" s="1036"/>
      <c r="Z80" s="1036"/>
      <c r="AA80" s="1036"/>
      <c r="AB80" s="1036"/>
      <c r="AC80" s="1036"/>
      <c r="AD80" s="1036"/>
      <c r="AE80" s="1036"/>
      <c r="AF80" s="1036"/>
      <c r="AG80" s="1036"/>
      <c r="AH80" s="1036"/>
      <c r="AI80" s="1036"/>
      <c r="AJ80" s="1036"/>
      <c r="AK80" s="1036"/>
      <c r="AL80" s="1036"/>
      <c r="AM80" s="1036"/>
      <c r="AN80" s="1036"/>
      <c r="AO80" s="1036"/>
      <c r="AP80" s="1036"/>
      <c r="AQ80" s="1036"/>
      <c r="AR80" s="1036"/>
      <c r="AS80" s="1036"/>
      <c r="AT80" s="1036"/>
      <c r="AU80" s="1036"/>
      <c r="AV80" s="1036"/>
      <c r="AW80" s="1036"/>
      <c r="AX80" s="1036"/>
      <c r="AY80" s="1036"/>
      <c r="AZ80" s="1037"/>
      <c r="BA80" s="1037"/>
      <c r="BB80" s="1037"/>
      <c r="BC80" s="1037"/>
      <c r="BD80" s="1038"/>
      <c r="BE80" s="237"/>
      <c r="BF80" s="237"/>
      <c r="BG80" s="237"/>
      <c r="BH80" s="237"/>
      <c r="BI80" s="237"/>
      <c r="BJ80" s="237"/>
      <c r="BK80" s="237"/>
      <c r="BL80" s="237"/>
      <c r="BM80" s="237"/>
      <c r="BN80" s="237"/>
      <c r="BO80" s="237"/>
      <c r="BP80" s="237"/>
      <c r="BQ80" s="234">
        <v>74</v>
      </c>
      <c r="BR80" s="239"/>
      <c r="BS80" s="1010"/>
      <c r="BT80" s="1011"/>
      <c r="BU80" s="1011"/>
      <c r="BV80" s="1011"/>
      <c r="BW80" s="1011"/>
      <c r="BX80" s="1011"/>
      <c r="BY80" s="1011"/>
      <c r="BZ80" s="1011"/>
      <c r="CA80" s="1011"/>
      <c r="CB80" s="1011"/>
      <c r="CC80" s="1011"/>
      <c r="CD80" s="1011"/>
      <c r="CE80" s="1011"/>
      <c r="CF80" s="1011"/>
      <c r="CG80" s="1020"/>
      <c r="CH80" s="1021"/>
      <c r="CI80" s="1022"/>
      <c r="CJ80" s="1022"/>
      <c r="CK80" s="1022"/>
      <c r="CL80" s="1023"/>
      <c r="CM80" s="1021"/>
      <c r="CN80" s="1022"/>
      <c r="CO80" s="1022"/>
      <c r="CP80" s="1022"/>
      <c r="CQ80" s="1023"/>
      <c r="CR80" s="1021"/>
      <c r="CS80" s="1022"/>
      <c r="CT80" s="1022"/>
      <c r="CU80" s="1022"/>
      <c r="CV80" s="1023"/>
      <c r="CW80" s="1021"/>
      <c r="CX80" s="1022"/>
      <c r="CY80" s="1022"/>
      <c r="CZ80" s="1022"/>
      <c r="DA80" s="1023"/>
      <c r="DB80" s="1021"/>
      <c r="DC80" s="1022"/>
      <c r="DD80" s="1022"/>
      <c r="DE80" s="1022"/>
      <c r="DF80" s="1023"/>
      <c r="DG80" s="1021"/>
      <c r="DH80" s="1022"/>
      <c r="DI80" s="1022"/>
      <c r="DJ80" s="1022"/>
      <c r="DK80" s="1023"/>
      <c r="DL80" s="1021"/>
      <c r="DM80" s="1022"/>
      <c r="DN80" s="1022"/>
      <c r="DO80" s="1022"/>
      <c r="DP80" s="1023"/>
      <c r="DQ80" s="1021"/>
      <c r="DR80" s="1022"/>
      <c r="DS80" s="1022"/>
      <c r="DT80" s="1022"/>
      <c r="DU80" s="1023"/>
      <c r="DV80" s="1010"/>
      <c r="DW80" s="1011"/>
      <c r="DX80" s="1011"/>
      <c r="DY80" s="1011"/>
      <c r="DZ80" s="1012"/>
      <c r="EA80" s="226"/>
    </row>
    <row r="81" spans="1:131" ht="26.25" customHeight="1" x14ac:dyDescent="0.2">
      <c r="A81" s="234">
        <v>14</v>
      </c>
      <c r="B81" s="1039"/>
      <c r="C81" s="1040"/>
      <c r="D81" s="1040"/>
      <c r="E81" s="1040"/>
      <c r="F81" s="1040"/>
      <c r="G81" s="1040"/>
      <c r="H81" s="1040"/>
      <c r="I81" s="1040"/>
      <c r="J81" s="1040"/>
      <c r="K81" s="1040"/>
      <c r="L81" s="1040"/>
      <c r="M81" s="1040"/>
      <c r="N81" s="1040"/>
      <c r="O81" s="1040"/>
      <c r="P81" s="1041"/>
      <c r="Q81" s="1042"/>
      <c r="R81" s="1036"/>
      <c r="S81" s="1036"/>
      <c r="T81" s="1036"/>
      <c r="U81" s="1036"/>
      <c r="V81" s="1036"/>
      <c r="W81" s="1036"/>
      <c r="X81" s="1036"/>
      <c r="Y81" s="1036"/>
      <c r="Z81" s="1036"/>
      <c r="AA81" s="1036"/>
      <c r="AB81" s="1036"/>
      <c r="AC81" s="1036"/>
      <c r="AD81" s="1036"/>
      <c r="AE81" s="1036"/>
      <c r="AF81" s="1036"/>
      <c r="AG81" s="1036"/>
      <c r="AH81" s="1036"/>
      <c r="AI81" s="1036"/>
      <c r="AJ81" s="1036"/>
      <c r="AK81" s="1036"/>
      <c r="AL81" s="1036"/>
      <c r="AM81" s="1036"/>
      <c r="AN81" s="1036"/>
      <c r="AO81" s="1036"/>
      <c r="AP81" s="1036"/>
      <c r="AQ81" s="1036"/>
      <c r="AR81" s="1036"/>
      <c r="AS81" s="1036"/>
      <c r="AT81" s="1036"/>
      <c r="AU81" s="1036"/>
      <c r="AV81" s="1036"/>
      <c r="AW81" s="1036"/>
      <c r="AX81" s="1036"/>
      <c r="AY81" s="1036"/>
      <c r="AZ81" s="1037"/>
      <c r="BA81" s="1037"/>
      <c r="BB81" s="1037"/>
      <c r="BC81" s="1037"/>
      <c r="BD81" s="1038"/>
      <c r="BE81" s="237"/>
      <c r="BF81" s="237"/>
      <c r="BG81" s="237"/>
      <c r="BH81" s="237"/>
      <c r="BI81" s="237"/>
      <c r="BJ81" s="237"/>
      <c r="BK81" s="237"/>
      <c r="BL81" s="237"/>
      <c r="BM81" s="237"/>
      <c r="BN81" s="237"/>
      <c r="BO81" s="237"/>
      <c r="BP81" s="237"/>
      <c r="BQ81" s="234">
        <v>75</v>
      </c>
      <c r="BR81" s="239"/>
      <c r="BS81" s="1010"/>
      <c r="BT81" s="1011"/>
      <c r="BU81" s="1011"/>
      <c r="BV81" s="1011"/>
      <c r="BW81" s="1011"/>
      <c r="BX81" s="1011"/>
      <c r="BY81" s="1011"/>
      <c r="BZ81" s="1011"/>
      <c r="CA81" s="1011"/>
      <c r="CB81" s="1011"/>
      <c r="CC81" s="1011"/>
      <c r="CD81" s="1011"/>
      <c r="CE81" s="1011"/>
      <c r="CF81" s="1011"/>
      <c r="CG81" s="1020"/>
      <c r="CH81" s="1021"/>
      <c r="CI81" s="1022"/>
      <c r="CJ81" s="1022"/>
      <c r="CK81" s="1022"/>
      <c r="CL81" s="1023"/>
      <c r="CM81" s="1021"/>
      <c r="CN81" s="1022"/>
      <c r="CO81" s="1022"/>
      <c r="CP81" s="1022"/>
      <c r="CQ81" s="1023"/>
      <c r="CR81" s="1021"/>
      <c r="CS81" s="1022"/>
      <c r="CT81" s="1022"/>
      <c r="CU81" s="1022"/>
      <c r="CV81" s="1023"/>
      <c r="CW81" s="1021"/>
      <c r="CX81" s="1022"/>
      <c r="CY81" s="1022"/>
      <c r="CZ81" s="1022"/>
      <c r="DA81" s="1023"/>
      <c r="DB81" s="1021"/>
      <c r="DC81" s="1022"/>
      <c r="DD81" s="1022"/>
      <c r="DE81" s="1022"/>
      <c r="DF81" s="1023"/>
      <c r="DG81" s="1021"/>
      <c r="DH81" s="1022"/>
      <c r="DI81" s="1022"/>
      <c r="DJ81" s="1022"/>
      <c r="DK81" s="1023"/>
      <c r="DL81" s="1021"/>
      <c r="DM81" s="1022"/>
      <c r="DN81" s="1022"/>
      <c r="DO81" s="1022"/>
      <c r="DP81" s="1023"/>
      <c r="DQ81" s="1021"/>
      <c r="DR81" s="1022"/>
      <c r="DS81" s="1022"/>
      <c r="DT81" s="1022"/>
      <c r="DU81" s="1023"/>
      <c r="DV81" s="1010"/>
      <c r="DW81" s="1011"/>
      <c r="DX81" s="1011"/>
      <c r="DY81" s="1011"/>
      <c r="DZ81" s="1012"/>
      <c r="EA81" s="226"/>
    </row>
    <row r="82" spans="1:131" ht="26.25" customHeight="1" x14ac:dyDescent="0.2">
      <c r="A82" s="234">
        <v>15</v>
      </c>
      <c r="B82" s="1039"/>
      <c r="C82" s="1040"/>
      <c r="D82" s="1040"/>
      <c r="E82" s="1040"/>
      <c r="F82" s="1040"/>
      <c r="G82" s="1040"/>
      <c r="H82" s="1040"/>
      <c r="I82" s="1040"/>
      <c r="J82" s="1040"/>
      <c r="K82" s="1040"/>
      <c r="L82" s="1040"/>
      <c r="M82" s="1040"/>
      <c r="N82" s="1040"/>
      <c r="O82" s="1040"/>
      <c r="P82" s="1041"/>
      <c r="Q82" s="1042"/>
      <c r="R82" s="1036"/>
      <c r="S82" s="1036"/>
      <c r="T82" s="1036"/>
      <c r="U82" s="1036"/>
      <c r="V82" s="1036"/>
      <c r="W82" s="1036"/>
      <c r="X82" s="1036"/>
      <c r="Y82" s="1036"/>
      <c r="Z82" s="1036"/>
      <c r="AA82" s="1036"/>
      <c r="AB82" s="1036"/>
      <c r="AC82" s="1036"/>
      <c r="AD82" s="1036"/>
      <c r="AE82" s="1036"/>
      <c r="AF82" s="1036"/>
      <c r="AG82" s="1036"/>
      <c r="AH82" s="1036"/>
      <c r="AI82" s="1036"/>
      <c r="AJ82" s="1036"/>
      <c r="AK82" s="1036"/>
      <c r="AL82" s="1036"/>
      <c r="AM82" s="1036"/>
      <c r="AN82" s="1036"/>
      <c r="AO82" s="1036"/>
      <c r="AP82" s="1036"/>
      <c r="AQ82" s="1036"/>
      <c r="AR82" s="1036"/>
      <c r="AS82" s="1036"/>
      <c r="AT82" s="1036"/>
      <c r="AU82" s="1036"/>
      <c r="AV82" s="1036"/>
      <c r="AW82" s="1036"/>
      <c r="AX82" s="1036"/>
      <c r="AY82" s="1036"/>
      <c r="AZ82" s="1037"/>
      <c r="BA82" s="1037"/>
      <c r="BB82" s="1037"/>
      <c r="BC82" s="1037"/>
      <c r="BD82" s="1038"/>
      <c r="BE82" s="237"/>
      <c r="BF82" s="237"/>
      <c r="BG82" s="237"/>
      <c r="BH82" s="237"/>
      <c r="BI82" s="237"/>
      <c r="BJ82" s="237"/>
      <c r="BK82" s="237"/>
      <c r="BL82" s="237"/>
      <c r="BM82" s="237"/>
      <c r="BN82" s="237"/>
      <c r="BO82" s="237"/>
      <c r="BP82" s="237"/>
      <c r="BQ82" s="234">
        <v>76</v>
      </c>
      <c r="BR82" s="239"/>
      <c r="BS82" s="1010"/>
      <c r="BT82" s="1011"/>
      <c r="BU82" s="1011"/>
      <c r="BV82" s="1011"/>
      <c r="BW82" s="1011"/>
      <c r="BX82" s="1011"/>
      <c r="BY82" s="1011"/>
      <c r="BZ82" s="1011"/>
      <c r="CA82" s="1011"/>
      <c r="CB82" s="1011"/>
      <c r="CC82" s="1011"/>
      <c r="CD82" s="1011"/>
      <c r="CE82" s="1011"/>
      <c r="CF82" s="1011"/>
      <c r="CG82" s="1020"/>
      <c r="CH82" s="1021"/>
      <c r="CI82" s="1022"/>
      <c r="CJ82" s="1022"/>
      <c r="CK82" s="1022"/>
      <c r="CL82" s="1023"/>
      <c r="CM82" s="1021"/>
      <c r="CN82" s="1022"/>
      <c r="CO82" s="1022"/>
      <c r="CP82" s="1022"/>
      <c r="CQ82" s="1023"/>
      <c r="CR82" s="1021"/>
      <c r="CS82" s="1022"/>
      <c r="CT82" s="1022"/>
      <c r="CU82" s="1022"/>
      <c r="CV82" s="1023"/>
      <c r="CW82" s="1021"/>
      <c r="CX82" s="1022"/>
      <c r="CY82" s="1022"/>
      <c r="CZ82" s="1022"/>
      <c r="DA82" s="1023"/>
      <c r="DB82" s="1021"/>
      <c r="DC82" s="1022"/>
      <c r="DD82" s="1022"/>
      <c r="DE82" s="1022"/>
      <c r="DF82" s="1023"/>
      <c r="DG82" s="1021"/>
      <c r="DH82" s="1022"/>
      <c r="DI82" s="1022"/>
      <c r="DJ82" s="1022"/>
      <c r="DK82" s="1023"/>
      <c r="DL82" s="1021"/>
      <c r="DM82" s="1022"/>
      <c r="DN82" s="1022"/>
      <c r="DO82" s="1022"/>
      <c r="DP82" s="1023"/>
      <c r="DQ82" s="1021"/>
      <c r="DR82" s="1022"/>
      <c r="DS82" s="1022"/>
      <c r="DT82" s="1022"/>
      <c r="DU82" s="1023"/>
      <c r="DV82" s="1010"/>
      <c r="DW82" s="1011"/>
      <c r="DX82" s="1011"/>
      <c r="DY82" s="1011"/>
      <c r="DZ82" s="1012"/>
      <c r="EA82" s="226"/>
    </row>
    <row r="83" spans="1:131" ht="26.25" customHeight="1" x14ac:dyDescent="0.2">
      <c r="A83" s="234">
        <v>16</v>
      </c>
      <c r="B83" s="1039"/>
      <c r="C83" s="1040"/>
      <c r="D83" s="1040"/>
      <c r="E83" s="1040"/>
      <c r="F83" s="1040"/>
      <c r="G83" s="1040"/>
      <c r="H83" s="1040"/>
      <c r="I83" s="1040"/>
      <c r="J83" s="1040"/>
      <c r="K83" s="1040"/>
      <c r="L83" s="1040"/>
      <c r="M83" s="1040"/>
      <c r="N83" s="1040"/>
      <c r="O83" s="1040"/>
      <c r="P83" s="1041"/>
      <c r="Q83" s="1042"/>
      <c r="R83" s="1036"/>
      <c r="S83" s="1036"/>
      <c r="T83" s="1036"/>
      <c r="U83" s="1036"/>
      <c r="V83" s="1036"/>
      <c r="W83" s="1036"/>
      <c r="X83" s="1036"/>
      <c r="Y83" s="1036"/>
      <c r="Z83" s="1036"/>
      <c r="AA83" s="1036"/>
      <c r="AB83" s="1036"/>
      <c r="AC83" s="1036"/>
      <c r="AD83" s="1036"/>
      <c r="AE83" s="1036"/>
      <c r="AF83" s="1036"/>
      <c r="AG83" s="1036"/>
      <c r="AH83" s="1036"/>
      <c r="AI83" s="1036"/>
      <c r="AJ83" s="1036"/>
      <c r="AK83" s="1036"/>
      <c r="AL83" s="1036"/>
      <c r="AM83" s="1036"/>
      <c r="AN83" s="1036"/>
      <c r="AO83" s="1036"/>
      <c r="AP83" s="1036"/>
      <c r="AQ83" s="1036"/>
      <c r="AR83" s="1036"/>
      <c r="AS83" s="1036"/>
      <c r="AT83" s="1036"/>
      <c r="AU83" s="1036"/>
      <c r="AV83" s="1036"/>
      <c r="AW83" s="1036"/>
      <c r="AX83" s="1036"/>
      <c r="AY83" s="1036"/>
      <c r="AZ83" s="1037"/>
      <c r="BA83" s="1037"/>
      <c r="BB83" s="1037"/>
      <c r="BC83" s="1037"/>
      <c r="BD83" s="1038"/>
      <c r="BE83" s="237"/>
      <c r="BF83" s="237"/>
      <c r="BG83" s="237"/>
      <c r="BH83" s="237"/>
      <c r="BI83" s="237"/>
      <c r="BJ83" s="237"/>
      <c r="BK83" s="237"/>
      <c r="BL83" s="237"/>
      <c r="BM83" s="237"/>
      <c r="BN83" s="237"/>
      <c r="BO83" s="237"/>
      <c r="BP83" s="237"/>
      <c r="BQ83" s="234">
        <v>77</v>
      </c>
      <c r="BR83" s="239"/>
      <c r="BS83" s="1010"/>
      <c r="BT83" s="1011"/>
      <c r="BU83" s="1011"/>
      <c r="BV83" s="1011"/>
      <c r="BW83" s="1011"/>
      <c r="BX83" s="1011"/>
      <c r="BY83" s="1011"/>
      <c r="BZ83" s="1011"/>
      <c r="CA83" s="1011"/>
      <c r="CB83" s="1011"/>
      <c r="CC83" s="1011"/>
      <c r="CD83" s="1011"/>
      <c r="CE83" s="1011"/>
      <c r="CF83" s="1011"/>
      <c r="CG83" s="1020"/>
      <c r="CH83" s="1021"/>
      <c r="CI83" s="1022"/>
      <c r="CJ83" s="1022"/>
      <c r="CK83" s="1022"/>
      <c r="CL83" s="1023"/>
      <c r="CM83" s="1021"/>
      <c r="CN83" s="1022"/>
      <c r="CO83" s="1022"/>
      <c r="CP83" s="1022"/>
      <c r="CQ83" s="1023"/>
      <c r="CR83" s="1021"/>
      <c r="CS83" s="1022"/>
      <c r="CT83" s="1022"/>
      <c r="CU83" s="1022"/>
      <c r="CV83" s="1023"/>
      <c r="CW83" s="1021"/>
      <c r="CX83" s="1022"/>
      <c r="CY83" s="1022"/>
      <c r="CZ83" s="1022"/>
      <c r="DA83" s="1023"/>
      <c r="DB83" s="1021"/>
      <c r="DC83" s="1022"/>
      <c r="DD83" s="1022"/>
      <c r="DE83" s="1022"/>
      <c r="DF83" s="1023"/>
      <c r="DG83" s="1021"/>
      <c r="DH83" s="1022"/>
      <c r="DI83" s="1022"/>
      <c r="DJ83" s="1022"/>
      <c r="DK83" s="1023"/>
      <c r="DL83" s="1021"/>
      <c r="DM83" s="1022"/>
      <c r="DN83" s="1022"/>
      <c r="DO83" s="1022"/>
      <c r="DP83" s="1023"/>
      <c r="DQ83" s="1021"/>
      <c r="DR83" s="1022"/>
      <c r="DS83" s="1022"/>
      <c r="DT83" s="1022"/>
      <c r="DU83" s="1023"/>
      <c r="DV83" s="1010"/>
      <c r="DW83" s="1011"/>
      <c r="DX83" s="1011"/>
      <c r="DY83" s="1011"/>
      <c r="DZ83" s="1012"/>
      <c r="EA83" s="226"/>
    </row>
    <row r="84" spans="1:131" ht="26.25" customHeight="1" x14ac:dyDescent="0.2">
      <c r="A84" s="234">
        <v>17</v>
      </c>
      <c r="B84" s="1039"/>
      <c r="C84" s="1040"/>
      <c r="D84" s="1040"/>
      <c r="E84" s="1040"/>
      <c r="F84" s="1040"/>
      <c r="G84" s="1040"/>
      <c r="H84" s="1040"/>
      <c r="I84" s="1040"/>
      <c r="J84" s="1040"/>
      <c r="K84" s="1040"/>
      <c r="L84" s="1040"/>
      <c r="M84" s="1040"/>
      <c r="N84" s="1040"/>
      <c r="O84" s="1040"/>
      <c r="P84" s="1041"/>
      <c r="Q84" s="1042"/>
      <c r="R84" s="1036"/>
      <c r="S84" s="1036"/>
      <c r="T84" s="1036"/>
      <c r="U84" s="1036"/>
      <c r="V84" s="1036"/>
      <c r="W84" s="1036"/>
      <c r="X84" s="1036"/>
      <c r="Y84" s="1036"/>
      <c r="Z84" s="1036"/>
      <c r="AA84" s="1036"/>
      <c r="AB84" s="1036"/>
      <c r="AC84" s="1036"/>
      <c r="AD84" s="1036"/>
      <c r="AE84" s="1036"/>
      <c r="AF84" s="1036"/>
      <c r="AG84" s="1036"/>
      <c r="AH84" s="1036"/>
      <c r="AI84" s="1036"/>
      <c r="AJ84" s="1036"/>
      <c r="AK84" s="1036"/>
      <c r="AL84" s="1036"/>
      <c r="AM84" s="1036"/>
      <c r="AN84" s="1036"/>
      <c r="AO84" s="1036"/>
      <c r="AP84" s="1036"/>
      <c r="AQ84" s="1036"/>
      <c r="AR84" s="1036"/>
      <c r="AS84" s="1036"/>
      <c r="AT84" s="1036"/>
      <c r="AU84" s="1036"/>
      <c r="AV84" s="1036"/>
      <c r="AW84" s="1036"/>
      <c r="AX84" s="1036"/>
      <c r="AY84" s="1036"/>
      <c r="AZ84" s="1037"/>
      <c r="BA84" s="1037"/>
      <c r="BB84" s="1037"/>
      <c r="BC84" s="1037"/>
      <c r="BD84" s="1038"/>
      <c r="BE84" s="237"/>
      <c r="BF84" s="237"/>
      <c r="BG84" s="237"/>
      <c r="BH84" s="237"/>
      <c r="BI84" s="237"/>
      <c r="BJ84" s="237"/>
      <c r="BK84" s="237"/>
      <c r="BL84" s="237"/>
      <c r="BM84" s="237"/>
      <c r="BN84" s="237"/>
      <c r="BO84" s="237"/>
      <c r="BP84" s="237"/>
      <c r="BQ84" s="234">
        <v>78</v>
      </c>
      <c r="BR84" s="239"/>
      <c r="BS84" s="1010"/>
      <c r="BT84" s="1011"/>
      <c r="BU84" s="1011"/>
      <c r="BV84" s="1011"/>
      <c r="BW84" s="1011"/>
      <c r="BX84" s="1011"/>
      <c r="BY84" s="1011"/>
      <c r="BZ84" s="1011"/>
      <c r="CA84" s="1011"/>
      <c r="CB84" s="1011"/>
      <c r="CC84" s="1011"/>
      <c r="CD84" s="1011"/>
      <c r="CE84" s="1011"/>
      <c r="CF84" s="1011"/>
      <c r="CG84" s="1020"/>
      <c r="CH84" s="1021"/>
      <c r="CI84" s="1022"/>
      <c r="CJ84" s="1022"/>
      <c r="CK84" s="1022"/>
      <c r="CL84" s="1023"/>
      <c r="CM84" s="1021"/>
      <c r="CN84" s="1022"/>
      <c r="CO84" s="1022"/>
      <c r="CP84" s="1022"/>
      <c r="CQ84" s="1023"/>
      <c r="CR84" s="1021"/>
      <c r="CS84" s="1022"/>
      <c r="CT84" s="1022"/>
      <c r="CU84" s="1022"/>
      <c r="CV84" s="1023"/>
      <c r="CW84" s="1021"/>
      <c r="CX84" s="1022"/>
      <c r="CY84" s="1022"/>
      <c r="CZ84" s="1022"/>
      <c r="DA84" s="1023"/>
      <c r="DB84" s="1021"/>
      <c r="DC84" s="1022"/>
      <c r="DD84" s="1022"/>
      <c r="DE84" s="1022"/>
      <c r="DF84" s="1023"/>
      <c r="DG84" s="1021"/>
      <c r="DH84" s="1022"/>
      <c r="DI84" s="1022"/>
      <c r="DJ84" s="1022"/>
      <c r="DK84" s="1023"/>
      <c r="DL84" s="1021"/>
      <c r="DM84" s="1022"/>
      <c r="DN84" s="1022"/>
      <c r="DO84" s="1022"/>
      <c r="DP84" s="1023"/>
      <c r="DQ84" s="1021"/>
      <c r="DR84" s="1022"/>
      <c r="DS84" s="1022"/>
      <c r="DT84" s="1022"/>
      <c r="DU84" s="1023"/>
      <c r="DV84" s="1010"/>
      <c r="DW84" s="1011"/>
      <c r="DX84" s="1011"/>
      <c r="DY84" s="1011"/>
      <c r="DZ84" s="1012"/>
      <c r="EA84" s="226"/>
    </row>
    <row r="85" spans="1:131" ht="26.25" customHeight="1" x14ac:dyDescent="0.2">
      <c r="A85" s="234">
        <v>18</v>
      </c>
      <c r="B85" s="1039"/>
      <c r="C85" s="1040"/>
      <c r="D85" s="1040"/>
      <c r="E85" s="1040"/>
      <c r="F85" s="1040"/>
      <c r="G85" s="1040"/>
      <c r="H85" s="1040"/>
      <c r="I85" s="1040"/>
      <c r="J85" s="1040"/>
      <c r="K85" s="1040"/>
      <c r="L85" s="1040"/>
      <c r="M85" s="1040"/>
      <c r="N85" s="1040"/>
      <c r="O85" s="1040"/>
      <c r="P85" s="1041"/>
      <c r="Q85" s="1042"/>
      <c r="R85" s="1036"/>
      <c r="S85" s="1036"/>
      <c r="T85" s="1036"/>
      <c r="U85" s="1036"/>
      <c r="V85" s="1036"/>
      <c r="W85" s="1036"/>
      <c r="X85" s="1036"/>
      <c r="Y85" s="1036"/>
      <c r="Z85" s="1036"/>
      <c r="AA85" s="1036"/>
      <c r="AB85" s="1036"/>
      <c r="AC85" s="1036"/>
      <c r="AD85" s="1036"/>
      <c r="AE85" s="1036"/>
      <c r="AF85" s="1036"/>
      <c r="AG85" s="1036"/>
      <c r="AH85" s="1036"/>
      <c r="AI85" s="1036"/>
      <c r="AJ85" s="1036"/>
      <c r="AK85" s="1036"/>
      <c r="AL85" s="1036"/>
      <c r="AM85" s="1036"/>
      <c r="AN85" s="1036"/>
      <c r="AO85" s="1036"/>
      <c r="AP85" s="1036"/>
      <c r="AQ85" s="1036"/>
      <c r="AR85" s="1036"/>
      <c r="AS85" s="1036"/>
      <c r="AT85" s="1036"/>
      <c r="AU85" s="1036"/>
      <c r="AV85" s="1036"/>
      <c r="AW85" s="1036"/>
      <c r="AX85" s="1036"/>
      <c r="AY85" s="1036"/>
      <c r="AZ85" s="1037"/>
      <c r="BA85" s="1037"/>
      <c r="BB85" s="1037"/>
      <c r="BC85" s="1037"/>
      <c r="BD85" s="1038"/>
      <c r="BE85" s="237"/>
      <c r="BF85" s="237"/>
      <c r="BG85" s="237"/>
      <c r="BH85" s="237"/>
      <c r="BI85" s="237"/>
      <c r="BJ85" s="237"/>
      <c r="BK85" s="237"/>
      <c r="BL85" s="237"/>
      <c r="BM85" s="237"/>
      <c r="BN85" s="237"/>
      <c r="BO85" s="237"/>
      <c r="BP85" s="237"/>
      <c r="BQ85" s="234">
        <v>79</v>
      </c>
      <c r="BR85" s="239"/>
      <c r="BS85" s="1010"/>
      <c r="BT85" s="1011"/>
      <c r="BU85" s="1011"/>
      <c r="BV85" s="1011"/>
      <c r="BW85" s="1011"/>
      <c r="BX85" s="1011"/>
      <c r="BY85" s="1011"/>
      <c r="BZ85" s="1011"/>
      <c r="CA85" s="1011"/>
      <c r="CB85" s="1011"/>
      <c r="CC85" s="1011"/>
      <c r="CD85" s="1011"/>
      <c r="CE85" s="1011"/>
      <c r="CF85" s="1011"/>
      <c r="CG85" s="1020"/>
      <c r="CH85" s="1021"/>
      <c r="CI85" s="1022"/>
      <c r="CJ85" s="1022"/>
      <c r="CK85" s="1022"/>
      <c r="CL85" s="1023"/>
      <c r="CM85" s="1021"/>
      <c r="CN85" s="1022"/>
      <c r="CO85" s="1022"/>
      <c r="CP85" s="1022"/>
      <c r="CQ85" s="1023"/>
      <c r="CR85" s="1021"/>
      <c r="CS85" s="1022"/>
      <c r="CT85" s="1022"/>
      <c r="CU85" s="1022"/>
      <c r="CV85" s="1023"/>
      <c r="CW85" s="1021"/>
      <c r="CX85" s="1022"/>
      <c r="CY85" s="1022"/>
      <c r="CZ85" s="1022"/>
      <c r="DA85" s="1023"/>
      <c r="DB85" s="1021"/>
      <c r="DC85" s="1022"/>
      <c r="DD85" s="1022"/>
      <c r="DE85" s="1022"/>
      <c r="DF85" s="1023"/>
      <c r="DG85" s="1021"/>
      <c r="DH85" s="1022"/>
      <c r="DI85" s="1022"/>
      <c r="DJ85" s="1022"/>
      <c r="DK85" s="1023"/>
      <c r="DL85" s="1021"/>
      <c r="DM85" s="1022"/>
      <c r="DN85" s="1022"/>
      <c r="DO85" s="1022"/>
      <c r="DP85" s="1023"/>
      <c r="DQ85" s="1021"/>
      <c r="DR85" s="1022"/>
      <c r="DS85" s="1022"/>
      <c r="DT85" s="1022"/>
      <c r="DU85" s="1023"/>
      <c r="DV85" s="1010"/>
      <c r="DW85" s="1011"/>
      <c r="DX85" s="1011"/>
      <c r="DY85" s="1011"/>
      <c r="DZ85" s="1012"/>
      <c r="EA85" s="226"/>
    </row>
    <row r="86" spans="1:131" ht="26.25" customHeight="1" x14ac:dyDescent="0.2">
      <c r="A86" s="234">
        <v>19</v>
      </c>
      <c r="B86" s="1039"/>
      <c r="C86" s="1040"/>
      <c r="D86" s="1040"/>
      <c r="E86" s="1040"/>
      <c r="F86" s="1040"/>
      <c r="G86" s="1040"/>
      <c r="H86" s="1040"/>
      <c r="I86" s="1040"/>
      <c r="J86" s="1040"/>
      <c r="K86" s="1040"/>
      <c r="L86" s="1040"/>
      <c r="M86" s="1040"/>
      <c r="N86" s="1040"/>
      <c r="O86" s="1040"/>
      <c r="P86" s="1041"/>
      <c r="Q86" s="1042"/>
      <c r="R86" s="1036"/>
      <c r="S86" s="1036"/>
      <c r="T86" s="1036"/>
      <c r="U86" s="1036"/>
      <c r="V86" s="1036"/>
      <c r="W86" s="1036"/>
      <c r="X86" s="1036"/>
      <c r="Y86" s="1036"/>
      <c r="Z86" s="1036"/>
      <c r="AA86" s="1036"/>
      <c r="AB86" s="1036"/>
      <c r="AC86" s="1036"/>
      <c r="AD86" s="1036"/>
      <c r="AE86" s="1036"/>
      <c r="AF86" s="1036"/>
      <c r="AG86" s="1036"/>
      <c r="AH86" s="1036"/>
      <c r="AI86" s="1036"/>
      <c r="AJ86" s="1036"/>
      <c r="AK86" s="1036"/>
      <c r="AL86" s="1036"/>
      <c r="AM86" s="1036"/>
      <c r="AN86" s="1036"/>
      <c r="AO86" s="1036"/>
      <c r="AP86" s="1036"/>
      <c r="AQ86" s="1036"/>
      <c r="AR86" s="1036"/>
      <c r="AS86" s="1036"/>
      <c r="AT86" s="1036"/>
      <c r="AU86" s="1036"/>
      <c r="AV86" s="1036"/>
      <c r="AW86" s="1036"/>
      <c r="AX86" s="1036"/>
      <c r="AY86" s="1036"/>
      <c r="AZ86" s="1037"/>
      <c r="BA86" s="1037"/>
      <c r="BB86" s="1037"/>
      <c r="BC86" s="1037"/>
      <c r="BD86" s="1038"/>
      <c r="BE86" s="237"/>
      <c r="BF86" s="237"/>
      <c r="BG86" s="237"/>
      <c r="BH86" s="237"/>
      <c r="BI86" s="237"/>
      <c r="BJ86" s="237"/>
      <c r="BK86" s="237"/>
      <c r="BL86" s="237"/>
      <c r="BM86" s="237"/>
      <c r="BN86" s="237"/>
      <c r="BO86" s="237"/>
      <c r="BP86" s="237"/>
      <c r="BQ86" s="234">
        <v>80</v>
      </c>
      <c r="BR86" s="239"/>
      <c r="BS86" s="1010"/>
      <c r="BT86" s="1011"/>
      <c r="BU86" s="1011"/>
      <c r="BV86" s="1011"/>
      <c r="BW86" s="1011"/>
      <c r="BX86" s="1011"/>
      <c r="BY86" s="1011"/>
      <c r="BZ86" s="1011"/>
      <c r="CA86" s="1011"/>
      <c r="CB86" s="1011"/>
      <c r="CC86" s="1011"/>
      <c r="CD86" s="1011"/>
      <c r="CE86" s="1011"/>
      <c r="CF86" s="1011"/>
      <c r="CG86" s="1020"/>
      <c r="CH86" s="1021"/>
      <c r="CI86" s="1022"/>
      <c r="CJ86" s="1022"/>
      <c r="CK86" s="1022"/>
      <c r="CL86" s="1023"/>
      <c r="CM86" s="1021"/>
      <c r="CN86" s="1022"/>
      <c r="CO86" s="1022"/>
      <c r="CP86" s="1022"/>
      <c r="CQ86" s="1023"/>
      <c r="CR86" s="1021"/>
      <c r="CS86" s="1022"/>
      <c r="CT86" s="1022"/>
      <c r="CU86" s="1022"/>
      <c r="CV86" s="1023"/>
      <c r="CW86" s="1021"/>
      <c r="CX86" s="1022"/>
      <c r="CY86" s="1022"/>
      <c r="CZ86" s="1022"/>
      <c r="DA86" s="1023"/>
      <c r="DB86" s="1021"/>
      <c r="DC86" s="1022"/>
      <c r="DD86" s="1022"/>
      <c r="DE86" s="1022"/>
      <c r="DF86" s="1023"/>
      <c r="DG86" s="1021"/>
      <c r="DH86" s="1022"/>
      <c r="DI86" s="1022"/>
      <c r="DJ86" s="1022"/>
      <c r="DK86" s="1023"/>
      <c r="DL86" s="1021"/>
      <c r="DM86" s="1022"/>
      <c r="DN86" s="1022"/>
      <c r="DO86" s="1022"/>
      <c r="DP86" s="1023"/>
      <c r="DQ86" s="1021"/>
      <c r="DR86" s="1022"/>
      <c r="DS86" s="1022"/>
      <c r="DT86" s="1022"/>
      <c r="DU86" s="1023"/>
      <c r="DV86" s="1010"/>
      <c r="DW86" s="1011"/>
      <c r="DX86" s="1011"/>
      <c r="DY86" s="1011"/>
      <c r="DZ86" s="1012"/>
      <c r="EA86" s="226"/>
    </row>
    <row r="87" spans="1:131" ht="26.25" customHeight="1" x14ac:dyDescent="0.2">
      <c r="A87" s="240">
        <v>20</v>
      </c>
      <c r="B87" s="1029"/>
      <c r="C87" s="1030"/>
      <c r="D87" s="1030"/>
      <c r="E87" s="1030"/>
      <c r="F87" s="1030"/>
      <c r="G87" s="1030"/>
      <c r="H87" s="1030"/>
      <c r="I87" s="1030"/>
      <c r="J87" s="1030"/>
      <c r="K87" s="1030"/>
      <c r="L87" s="1030"/>
      <c r="M87" s="1030"/>
      <c r="N87" s="1030"/>
      <c r="O87" s="1030"/>
      <c r="P87" s="1031"/>
      <c r="Q87" s="1032"/>
      <c r="R87" s="1033"/>
      <c r="S87" s="1033"/>
      <c r="T87" s="1033"/>
      <c r="U87" s="1033"/>
      <c r="V87" s="1033"/>
      <c r="W87" s="1033"/>
      <c r="X87" s="1033"/>
      <c r="Y87" s="1033"/>
      <c r="Z87" s="1033"/>
      <c r="AA87" s="1033"/>
      <c r="AB87" s="1033"/>
      <c r="AC87" s="1033"/>
      <c r="AD87" s="1033"/>
      <c r="AE87" s="1033"/>
      <c r="AF87" s="1033"/>
      <c r="AG87" s="1033"/>
      <c r="AH87" s="1033"/>
      <c r="AI87" s="1033"/>
      <c r="AJ87" s="1033"/>
      <c r="AK87" s="1033"/>
      <c r="AL87" s="1033"/>
      <c r="AM87" s="1033"/>
      <c r="AN87" s="1033"/>
      <c r="AO87" s="1033"/>
      <c r="AP87" s="1033"/>
      <c r="AQ87" s="1033"/>
      <c r="AR87" s="1033"/>
      <c r="AS87" s="1033"/>
      <c r="AT87" s="1033"/>
      <c r="AU87" s="1033"/>
      <c r="AV87" s="1033"/>
      <c r="AW87" s="1033"/>
      <c r="AX87" s="1033"/>
      <c r="AY87" s="1033"/>
      <c r="AZ87" s="1034"/>
      <c r="BA87" s="1034"/>
      <c r="BB87" s="1034"/>
      <c r="BC87" s="1034"/>
      <c r="BD87" s="1035"/>
      <c r="BE87" s="237"/>
      <c r="BF87" s="237"/>
      <c r="BG87" s="237"/>
      <c r="BH87" s="237"/>
      <c r="BI87" s="237"/>
      <c r="BJ87" s="237"/>
      <c r="BK87" s="237"/>
      <c r="BL87" s="237"/>
      <c r="BM87" s="237"/>
      <c r="BN87" s="237"/>
      <c r="BO87" s="237"/>
      <c r="BP87" s="237"/>
      <c r="BQ87" s="234">
        <v>81</v>
      </c>
      <c r="BR87" s="239"/>
      <c r="BS87" s="1010"/>
      <c r="BT87" s="1011"/>
      <c r="BU87" s="1011"/>
      <c r="BV87" s="1011"/>
      <c r="BW87" s="1011"/>
      <c r="BX87" s="1011"/>
      <c r="BY87" s="1011"/>
      <c r="BZ87" s="1011"/>
      <c r="CA87" s="1011"/>
      <c r="CB87" s="1011"/>
      <c r="CC87" s="1011"/>
      <c r="CD87" s="1011"/>
      <c r="CE87" s="1011"/>
      <c r="CF87" s="1011"/>
      <c r="CG87" s="1020"/>
      <c r="CH87" s="1021"/>
      <c r="CI87" s="1022"/>
      <c r="CJ87" s="1022"/>
      <c r="CK87" s="1022"/>
      <c r="CL87" s="1023"/>
      <c r="CM87" s="1021"/>
      <c r="CN87" s="1022"/>
      <c r="CO87" s="1022"/>
      <c r="CP87" s="1022"/>
      <c r="CQ87" s="1023"/>
      <c r="CR87" s="1021"/>
      <c r="CS87" s="1022"/>
      <c r="CT87" s="1022"/>
      <c r="CU87" s="1022"/>
      <c r="CV87" s="1023"/>
      <c r="CW87" s="1021"/>
      <c r="CX87" s="1022"/>
      <c r="CY87" s="1022"/>
      <c r="CZ87" s="1022"/>
      <c r="DA87" s="1023"/>
      <c r="DB87" s="1021"/>
      <c r="DC87" s="1022"/>
      <c r="DD87" s="1022"/>
      <c r="DE87" s="1022"/>
      <c r="DF87" s="1023"/>
      <c r="DG87" s="1021"/>
      <c r="DH87" s="1022"/>
      <c r="DI87" s="1022"/>
      <c r="DJ87" s="1022"/>
      <c r="DK87" s="1023"/>
      <c r="DL87" s="1021"/>
      <c r="DM87" s="1022"/>
      <c r="DN87" s="1022"/>
      <c r="DO87" s="1022"/>
      <c r="DP87" s="1023"/>
      <c r="DQ87" s="1021"/>
      <c r="DR87" s="1022"/>
      <c r="DS87" s="1022"/>
      <c r="DT87" s="1022"/>
      <c r="DU87" s="1023"/>
      <c r="DV87" s="1010"/>
      <c r="DW87" s="1011"/>
      <c r="DX87" s="1011"/>
      <c r="DY87" s="1011"/>
      <c r="DZ87" s="1012"/>
      <c r="EA87" s="226"/>
    </row>
    <row r="88" spans="1:131" ht="26.25" customHeight="1" thickBot="1" x14ac:dyDescent="0.25">
      <c r="A88" s="236" t="s">
        <v>388</v>
      </c>
      <c r="B88" s="1002" t="s">
        <v>419</v>
      </c>
      <c r="C88" s="1003"/>
      <c r="D88" s="1003"/>
      <c r="E88" s="1003"/>
      <c r="F88" s="1003"/>
      <c r="G88" s="1003"/>
      <c r="H88" s="1003"/>
      <c r="I88" s="1003"/>
      <c r="J88" s="1003"/>
      <c r="K88" s="1003"/>
      <c r="L88" s="1003"/>
      <c r="M88" s="1003"/>
      <c r="N88" s="1003"/>
      <c r="O88" s="1003"/>
      <c r="P88" s="1013"/>
      <c r="Q88" s="1027"/>
      <c r="R88" s="1028"/>
      <c r="S88" s="1028"/>
      <c r="T88" s="1028"/>
      <c r="U88" s="1028"/>
      <c r="V88" s="1028"/>
      <c r="W88" s="1028"/>
      <c r="X88" s="1028"/>
      <c r="Y88" s="1028"/>
      <c r="Z88" s="1028"/>
      <c r="AA88" s="1028"/>
      <c r="AB88" s="1028"/>
      <c r="AC88" s="1028"/>
      <c r="AD88" s="1028"/>
      <c r="AE88" s="1028"/>
      <c r="AF88" s="1024">
        <v>21909</v>
      </c>
      <c r="AG88" s="1024"/>
      <c r="AH88" s="1024"/>
      <c r="AI88" s="1024"/>
      <c r="AJ88" s="1024"/>
      <c r="AK88" s="1028"/>
      <c r="AL88" s="1028"/>
      <c r="AM88" s="1028"/>
      <c r="AN88" s="1028"/>
      <c r="AO88" s="1028"/>
      <c r="AP88" s="1024">
        <v>5364</v>
      </c>
      <c r="AQ88" s="1024"/>
      <c r="AR88" s="1024"/>
      <c r="AS88" s="1024"/>
      <c r="AT88" s="1024"/>
      <c r="AU88" s="1024">
        <v>790</v>
      </c>
      <c r="AV88" s="1024"/>
      <c r="AW88" s="1024"/>
      <c r="AX88" s="1024"/>
      <c r="AY88" s="1024"/>
      <c r="AZ88" s="1025"/>
      <c r="BA88" s="1025"/>
      <c r="BB88" s="1025"/>
      <c r="BC88" s="1025"/>
      <c r="BD88" s="1026"/>
      <c r="BE88" s="237"/>
      <c r="BF88" s="237"/>
      <c r="BG88" s="237"/>
      <c r="BH88" s="237"/>
      <c r="BI88" s="237"/>
      <c r="BJ88" s="237"/>
      <c r="BK88" s="237"/>
      <c r="BL88" s="237"/>
      <c r="BM88" s="237"/>
      <c r="BN88" s="237"/>
      <c r="BO88" s="237"/>
      <c r="BP88" s="237"/>
      <c r="BQ88" s="234">
        <v>82</v>
      </c>
      <c r="BR88" s="239"/>
      <c r="BS88" s="1010"/>
      <c r="BT88" s="1011"/>
      <c r="BU88" s="1011"/>
      <c r="BV88" s="1011"/>
      <c r="BW88" s="1011"/>
      <c r="BX88" s="1011"/>
      <c r="BY88" s="1011"/>
      <c r="BZ88" s="1011"/>
      <c r="CA88" s="1011"/>
      <c r="CB88" s="1011"/>
      <c r="CC88" s="1011"/>
      <c r="CD88" s="1011"/>
      <c r="CE88" s="1011"/>
      <c r="CF88" s="1011"/>
      <c r="CG88" s="1020"/>
      <c r="CH88" s="1021"/>
      <c r="CI88" s="1022"/>
      <c r="CJ88" s="1022"/>
      <c r="CK88" s="1022"/>
      <c r="CL88" s="1023"/>
      <c r="CM88" s="1021"/>
      <c r="CN88" s="1022"/>
      <c r="CO88" s="1022"/>
      <c r="CP88" s="1022"/>
      <c r="CQ88" s="1023"/>
      <c r="CR88" s="1021"/>
      <c r="CS88" s="1022"/>
      <c r="CT88" s="1022"/>
      <c r="CU88" s="1022"/>
      <c r="CV88" s="1023"/>
      <c r="CW88" s="1021"/>
      <c r="CX88" s="1022"/>
      <c r="CY88" s="1022"/>
      <c r="CZ88" s="1022"/>
      <c r="DA88" s="1023"/>
      <c r="DB88" s="1021"/>
      <c r="DC88" s="1022"/>
      <c r="DD88" s="1022"/>
      <c r="DE88" s="1022"/>
      <c r="DF88" s="1023"/>
      <c r="DG88" s="1021"/>
      <c r="DH88" s="1022"/>
      <c r="DI88" s="1022"/>
      <c r="DJ88" s="1022"/>
      <c r="DK88" s="1023"/>
      <c r="DL88" s="1021"/>
      <c r="DM88" s="1022"/>
      <c r="DN88" s="1022"/>
      <c r="DO88" s="1022"/>
      <c r="DP88" s="1023"/>
      <c r="DQ88" s="1021"/>
      <c r="DR88" s="1022"/>
      <c r="DS88" s="1022"/>
      <c r="DT88" s="1022"/>
      <c r="DU88" s="1023"/>
      <c r="DV88" s="1010"/>
      <c r="DW88" s="1011"/>
      <c r="DX88" s="1011"/>
      <c r="DY88" s="1011"/>
      <c r="DZ88" s="1012"/>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1010"/>
      <c r="BT89" s="1011"/>
      <c r="BU89" s="1011"/>
      <c r="BV89" s="1011"/>
      <c r="BW89" s="1011"/>
      <c r="BX89" s="1011"/>
      <c r="BY89" s="1011"/>
      <c r="BZ89" s="1011"/>
      <c r="CA89" s="1011"/>
      <c r="CB89" s="1011"/>
      <c r="CC89" s="1011"/>
      <c r="CD89" s="1011"/>
      <c r="CE89" s="1011"/>
      <c r="CF89" s="1011"/>
      <c r="CG89" s="1020"/>
      <c r="CH89" s="1021"/>
      <c r="CI89" s="1022"/>
      <c r="CJ89" s="1022"/>
      <c r="CK89" s="1022"/>
      <c r="CL89" s="1023"/>
      <c r="CM89" s="1021"/>
      <c r="CN89" s="1022"/>
      <c r="CO89" s="1022"/>
      <c r="CP89" s="1022"/>
      <c r="CQ89" s="1023"/>
      <c r="CR89" s="1021"/>
      <c r="CS89" s="1022"/>
      <c r="CT89" s="1022"/>
      <c r="CU89" s="1022"/>
      <c r="CV89" s="1023"/>
      <c r="CW89" s="1021"/>
      <c r="CX89" s="1022"/>
      <c r="CY89" s="1022"/>
      <c r="CZ89" s="1022"/>
      <c r="DA89" s="1023"/>
      <c r="DB89" s="1021"/>
      <c r="DC89" s="1022"/>
      <c r="DD89" s="1022"/>
      <c r="DE89" s="1022"/>
      <c r="DF89" s="1023"/>
      <c r="DG89" s="1021"/>
      <c r="DH89" s="1022"/>
      <c r="DI89" s="1022"/>
      <c r="DJ89" s="1022"/>
      <c r="DK89" s="1023"/>
      <c r="DL89" s="1021"/>
      <c r="DM89" s="1022"/>
      <c r="DN89" s="1022"/>
      <c r="DO89" s="1022"/>
      <c r="DP89" s="1023"/>
      <c r="DQ89" s="1021"/>
      <c r="DR89" s="1022"/>
      <c r="DS89" s="1022"/>
      <c r="DT89" s="1022"/>
      <c r="DU89" s="1023"/>
      <c r="DV89" s="1010"/>
      <c r="DW89" s="1011"/>
      <c r="DX89" s="1011"/>
      <c r="DY89" s="1011"/>
      <c r="DZ89" s="1012"/>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1010"/>
      <c r="BT90" s="1011"/>
      <c r="BU90" s="1011"/>
      <c r="BV90" s="1011"/>
      <c r="BW90" s="1011"/>
      <c r="BX90" s="1011"/>
      <c r="BY90" s="1011"/>
      <c r="BZ90" s="1011"/>
      <c r="CA90" s="1011"/>
      <c r="CB90" s="1011"/>
      <c r="CC90" s="1011"/>
      <c r="CD90" s="1011"/>
      <c r="CE90" s="1011"/>
      <c r="CF90" s="1011"/>
      <c r="CG90" s="1020"/>
      <c r="CH90" s="1021"/>
      <c r="CI90" s="1022"/>
      <c r="CJ90" s="1022"/>
      <c r="CK90" s="1022"/>
      <c r="CL90" s="1023"/>
      <c r="CM90" s="1021"/>
      <c r="CN90" s="1022"/>
      <c r="CO90" s="1022"/>
      <c r="CP90" s="1022"/>
      <c r="CQ90" s="1023"/>
      <c r="CR90" s="1021"/>
      <c r="CS90" s="1022"/>
      <c r="CT90" s="1022"/>
      <c r="CU90" s="1022"/>
      <c r="CV90" s="1023"/>
      <c r="CW90" s="1021"/>
      <c r="CX90" s="1022"/>
      <c r="CY90" s="1022"/>
      <c r="CZ90" s="1022"/>
      <c r="DA90" s="1023"/>
      <c r="DB90" s="1021"/>
      <c r="DC90" s="1022"/>
      <c r="DD90" s="1022"/>
      <c r="DE90" s="1022"/>
      <c r="DF90" s="1023"/>
      <c r="DG90" s="1021"/>
      <c r="DH90" s="1022"/>
      <c r="DI90" s="1022"/>
      <c r="DJ90" s="1022"/>
      <c r="DK90" s="1023"/>
      <c r="DL90" s="1021"/>
      <c r="DM90" s="1022"/>
      <c r="DN90" s="1022"/>
      <c r="DO90" s="1022"/>
      <c r="DP90" s="1023"/>
      <c r="DQ90" s="1021"/>
      <c r="DR90" s="1022"/>
      <c r="DS90" s="1022"/>
      <c r="DT90" s="1022"/>
      <c r="DU90" s="1023"/>
      <c r="DV90" s="1010"/>
      <c r="DW90" s="1011"/>
      <c r="DX90" s="1011"/>
      <c r="DY90" s="1011"/>
      <c r="DZ90" s="1012"/>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1010"/>
      <c r="BT91" s="1011"/>
      <c r="BU91" s="1011"/>
      <c r="BV91" s="1011"/>
      <c r="BW91" s="1011"/>
      <c r="BX91" s="1011"/>
      <c r="BY91" s="1011"/>
      <c r="BZ91" s="1011"/>
      <c r="CA91" s="1011"/>
      <c r="CB91" s="1011"/>
      <c r="CC91" s="1011"/>
      <c r="CD91" s="1011"/>
      <c r="CE91" s="1011"/>
      <c r="CF91" s="1011"/>
      <c r="CG91" s="1020"/>
      <c r="CH91" s="1021"/>
      <c r="CI91" s="1022"/>
      <c r="CJ91" s="1022"/>
      <c r="CK91" s="1022"/>
      <c r="CL91" s="1023"/>
      <c r="CM91" s="1021"/>
      <c r="CN91" s="1022"/>
      <c r="CO91" s="1022"/>
      <c r="CP91" s="1022"/>
      <c r="CQ91" s="1023"/>
      <c r="CR91" s="1021"/>
      <c r="CS91" s="1022"/>
      <c r="CT91" s="1022"/>
      <c r="CU91" s="1022"/>
      <c r="CV91" s="1023"/>
      <c r="CW91" s="1021"/>
      <c r="CX91" s="1022"/>
      <c r="CY91" s="1022"/>
      <c r="CZ91" s="1022"/>
      <c r="DA91" s="1023"/>
      <c r="DB91" s="1021"/>
      <c r="DC91" s="1022"/>
      <c r="DD91" s="1022"/>
      <c r="DE91" s="1022"/>
      <c r="DF91" s="1023"/>
      <c r="DG91" s="1021"/>
      <c r="DH91" s="1022"/>
      <c r="DI91" s="1022"/>
      <c r="DJ91" s="1022"/>
      <c r="DK91" s="1023"/>
      <c r="DL91" s="1021"/>
      <c r="DM91" s="1022"/>
      <c r="DN91" s="1022"/>
      <c r="DO91" s="1022"/>
      <c r="DP91" s="1023"/>
      <c r="DQ91" s="1021"/>
      <c r="DR91" s="1022"/>
      <c r="DS91" s="1022"/>
      <c r="DT91" s="1022"/>
      <c r="DU91" s="1023"/>
      <c r="DV91" s="1010"/>
      <c r="DW91" s="1011"/>
      <c r="DX91" s="1011"/>
      <c r="DY91" s="1011"/>
      <c r="DZ91" s="1012"/>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1010"/>
      <c r="BT92" s="1011"/>
      <c r="BU92" s="1011"/>
      <c r="BV92" s="1011"/>
      <c r="BW92" s="1011"/>
      <c r="BX92" s="1011"/>
      <c r="BY92" s="1011"/>
      <c r="BZ92" s="1011"/>
      <c r="CA92" s="1011"/>
      <c r="CB92" s="1011"/>
      <c r="CC92" s="1011"/>
      <c r="CD92" s="1011"/>
      <c r="CE92" s="1011"/>
      <c r="CF92" s="1011"/>
      <c r="CG92" s="1020"/>
      <c r="CH92" s="1021"/>
      <c r="CI92" s="1022"/>
      <c r="CJ92" s="1022"/>
      <c r="CK92" s="1022"/>
      <c r="CL92" s="1023"/>
      <c r="CM92" s="1021"/>
      <c r="CN92" s="1022"/>
      <c r="CO92" s="1022"/>
      <c r="CP92" s="1022"/>
      <c r="CQ92" s="1023"/>
      <c r="CR92" s="1021"/>
      <c r="CS92" s="1022"/>
      <c r="CT92" s="1022"/>
      <c r="CU92" s="1022"/>
      <c r="CV92" s="1023"/>
      <c r="CW92" s="1021"/>
      <c r="CX92" s="1022"/>
      <c r="CY92" s="1022"/>
      <c r="CZ92" s="1022"/>
      <c r="DA92" s="1023"/>
      <c r="DB92" s="1021"/>
      <c r="DC92" s="1022"/>
      <c r="DD92" s="1022"/>
      <c r="DE92" s="1022"/>
      <c r="DF92" s="1023"/>
      <c r="DG92" s="1021"/>
      <c r="DH92" s="1022"/>
      <c r="DI92" s="1022"/>
      <c r="DJ92" s="1022"/>
      <c r="DK92" s="1023"/>
      <c r="DL92" s="1021"/>
      <c r="DM92" s="1022"/>
      <c r="DN92" s="1022"/>
      <c r="DO92" s="1022"/>
      <c r="DP92" s="1023"/>
      <c r="DQ92" s="1021"/>
      <c r="DR92" s="1022"/>
      <c r="DS92" s="1022"/>
      <c r="DT92" s="1022"/>
      <c r="DU92" s="1023"/>
      <c r="DV92" s="1010"/>
      <c r="DW92" s="1011"/>
      <c r="DX92" s="1011"/>
      <c r="DY92" s="1011"/>
      <c r="DZ92" s="1012"/>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1010"/>
      <c r="BT93" s="1011"/>
      <c r="BU93" s="1011"/>
      <c r="BV93" s="1011"/>
      <c r="BW93" s="1011"/>
      <c r="BX93" s="1011"/>
      <c r="BY93" s="1011"/>
      <c r="BZ93" s="1011"/>
      <c r="CA93" s="1011"/>
      <c r="CB93" s="1011"/>
      <c r="CC93" s="1011"/>
      <c r="CD93" s="1011"/>
      <c r="CE93" s="1011"/>
      <c r="CF93" s="1011"/>
      <c r="CG93" s="1020"/>
      <c r="CH93" s="1021"/>
      <c r="CI93" s="1022"/>
      <c r="CJ93" s="1022"/>
      <c r="CK93" s="1022"/>
      <c r="CL93" s="1023"/>
      <c r="CM93" s="1021"/>
      <c r="CN93" s="1022"/>
      <c r="CO93" s="1022"/>
      <c r="CP93" s="1022"/>
      <c r="CQ93" s="1023"/>
      <c r="CR93" s="1021"/>
      <c r="CS93" s="1022"/>
      <c r="CT93" s="1022"/>
      <c r="CU93" s="1022"/>
      <c r="CV93" s="1023"/>
      <c r="CW93" s="1021"/>
      <c r="CX93" s="1022"/>
      <c r="CY93" s="1022"/>
      <c r="CZ93" s="1022"/>
      <c r="DA93" s="1023"/>
      <c r="DB93" s="1021"/>
      <c r="DC93" s="1022"/>
      <c r="DD93" s="1022"/>
      <c r="DE93" s="1022"/>
      <c r="DF93" s="1023"/>
      <c r="DG93" s="1021"/>
      <c r="DH93" s="1022"/>
      <c r="DI93" s="1022"/>
      <c r="DJ93" s="1022"/>
      <c r="DK93" s="1023"/>
      <c r="DL93" s="1021"/>
      <c r="DM93" s="1022"/>
      <c r="DN93" s="1022"/>
      <c r="DO93" s="1022"/>
      <c r="DP93" s="1023"/>
      <c r="DQ93" s="1021"/>
      <c r="DR93" s="1022"/>
      <c r="DS93" s="1022"/>
      <c r="DT93" s="1022"/>
      <c r="DU93" s="1023"/>
      <c r="DV93" s="1010"/>
      <c r="DW93" s="1011"/>
      <c r="DX93" s="1011"/>
      <c r="DY93" s="1011"/>
      <c r="DZ93" s="1012"/>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1010"/>
      <c r="BT94" s="1011"/>
      <c r="BU94" s="1011"/>
      <c r="BV94" s="1011"/>
      <c r="BW94" s="1011"/>
      <c r="BX94" s="1011"/>
      <c r="BY94" s="1011"/>
      <c r="BZ94" s="1011"/>
      <c r="CA94" s="1011"/>
      <c r="CB94" s="1011"/>
      <c r="CC94" s="1011"/>
      <c r="CD94" s="1011"/>
      <c r="CE94" s="1011"/>
      <c r="CF94" s="1011"/>
      <c r="CG94" s="1020"/>
      <c r="CH94" s="1021"/>
      <c r="CI94" s="1022"/>
      <c r="CJ94" s="1022"/>
      <c r="CK94" s="1022"/>
      <c r="CL94" s="1023"/>
      <c r="CM94" s="1021"/>
      <c r="CN94" s="1022"/>
      <c r="CO94" s="1022"/>
      <c r="CP94" s="1022"/>
      <c r="CQ94" s="1023"/>
      <c r="CR94" s="1021"/>
      <c r="CS94" s="1022"/>
      <c r="CT94" s="1022"/>
      <c r="CU94" s="1022"/>
      <c r="CV94" s="1023"/>
      <c r="CW94" s="1021"/>
      <c r="CX94" s="1022"/>
      <c r="CY94" s="1022"/>
      <c r="CZ94" s="1022"/>
      <c r="DA94" s="1023"/>
      <c r="DB94" s="1021"/>
      <c r="DC94" s="1022"/>
      <c r="DD94" s="1022"/>
      <c r="DE94" s="1022"/>
      <c r="DF94" s="1023"/>
      <c r="DG94" s="1021"/>
      <c r="DH94" s="1022"/>
      <c r="DI94" s="1022"/>
      <c r="DJ94" s="1022"/>
      <c r="DK94" s="1023"/>
      <c r="DL94" s="1021"/>
      <c r="DM94" s="1022"/>
      <c r="DN94" s="1022"/>
      <c r="DO94" s="1022"/>
      <c r="DP94" s="1023"/>
      <c r="DQ94" s="1021"/>
      <c r="DR94" s="1022"/>
      <c r="DS94" s="1022"/>
      <c r="DT94" s="1022"/>
      <c r="DU94" s="1023"/>
      <c r="DV94" s="1010"/>
      <c r="DW94" s="1011"/>
      <c r="DX94" s="1011"/>
      <c r="DY94" s="1011"/>
      <c r="DZ94" s="1012"/>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1010"/>
      <c r="BT95" s="1011"/>
      <c r="BU95" s="1011"/>
      <c r="BV95" s="1011"/>
      <c r="BW95" s="1011"/>
      <c r="BX95" s="1011"/>
      <c r="BY95" s="1011"/>
      <c r="BZ95" s="1011"/>
      <c r="CA95" s="1011"/>
      <c r="CB95" s="1011"/>
      <c r="CC95" s="1011"/>
      <c r="CD95" s="1011"/>
      <c r="CE95" s="1011"/>
      <c r="CF95" s="1011"/>
      <c r="CG95" s="1020"/>
      <c r="CH95" s="1021"/>
      <c r="CI95" s="1022"/>
      <c r="CJ95" s="1022"/>
      <c r="CK95" s="1022"/>
      <c r="CL95" s="1023"/>
      <c r="CM95" s="1021"/>
      <c r="CN95" s="1022"/>
      <c r="CO95" s="1022"/>
      <c r="CP95" s="1022"/>
      <c r="CQ95" s="1023"/>
      <c r="CR95" s="1021"/>
      <c r="CS95" s="1022"/>
      <c r="CT95" s="1022"/>
      <c r="CU95" s="1022"/>
      <c r="CV95" s="1023"/>
      <c r="CW95" s="1021"/>
      <c r="CX95" s="1022"/>
      <c r="CY95" s="1022"/>
      <c r="CZ95" s="1022"/>
      <c r="DA95" s="1023"/>
      <c r="DB95" s="1021"/>
      <c r="DC95" s="1022"/>
      <c r="DD95" s="1022"/>
      <c r="DE95" s="1022"/>
      <c r="DF95" s="1023"/>
      <c r="DG95" s="1021"/>
      <c r="DH95" s="1022"/>
      <c r="DI95" s="1022"/>
      <c r="DJ95" s="1022"/>
      <c r="DK95" s="1023"/>
      <c r="DL95" s="1021"/>
      <c r="DM95" s="1022"/>
      <c r="DN95" s="1022"/>
      <c r="DO95" s="1022"/>
      <c r="DP95" s="1023"/>
      <c r="DQ95" s="1021"/>
      <c r="DR95" s="1022"/>
      <c r="DS95" s="1022"/>
      <c r="DT95" s="1022"/>
      <c r="DU95" s="1023"/>
      <c r="DV95" s="1010"/>
      <c r="DW95" s="1011"/>
      <c r="DX95" s="1011"/>
      <c r="DY95" s="1011"/>
      <c r="DZ95" s="1012"/>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1010"/>
      <c r="BT96" s="1011"/>
      <c r="BU96" s="1011"/>
      <c r="BV96" s="1011"/>
      <c r="BW96" s="1011"/>
      <c r="BX96" s="1011"/>
      <c r="BY96" s="1011"/>
      <c r="BZ96" s="1011"/>
      <c r="CA96" s="1011"/>
      <c r="CB96" s="1011"/>
      <c r="CC96" s="1011"/>
      <c r="CD96" s="1011"/>
      <c r="CE96" s="1011"/>
      <c r="CF96" s="1011"/>
      <c r="CG96" s="1020"/>
      <c r="CH96" s="1021"/>
      <c r="CI96" s="1022"/>
      <c r="CJ96" s="1022"/>
      <c r="CK96" s="1022"/>
      <c r="CL96" s="1023"/>
      <c r="CM96" s="1021"/>
      <c r="CN96" s="1022"/>
      <c r="CO96" s="1022"/>
      <c r="CP96" s="1022"/>
      <c r="CQ96" s="1023"/>
      <c r="CR96" s="1021"/>
      <c r="CS96" s="1022"/>
      <c r="CT96" s="1022"/>
      <c r="CU96" s="1022"/>
      <c r="CV96" s="1023"/>
      <c r="CW96" s="1021"/>
      <c r="CX96" s="1022"/>
      <c r="CY96" s="1022"/>
      <c r="CZ96" s="1022"/>
      <c r="DA96" s="1023"/>
      <c r="DB96" s="1021"/>
      <c r="DC96" s="1022"/>
      <c r="DD96" s="1022"/>
      <c r="DE96" s="1022"/>
      <c r="DF96" s="1023"/>
      <c r="DG96" s="1021"/>
      <c r="DH96" s="1022"/>
      <c r="DI96" s="1022"/>
      <c r="DJ96" s="1022"/>
      <c r="DK96" s="1023"/>
      <c r="DL96" s="1021"/>
      <c r="DM96" s="1022"/>
      <c r="DN96" s="1022"/>
      <c r="DO96" s="1022"/>
      <c r="DP96" s="1023"/>
      <c r="DQ96" s="1021"/>
      <c r="DR96" s="1022"/>
      <c r="DS96" s="1022"/>
      <c r="DT96" s="1022"/>
      <c r="DU96" s="1023"/>
      <c r="DV96" s="1010"/>
      <c r="DW96" s="1011"/>
      <c r="DX96" s="1011"/>
      <c r="DY96" s="1011"/>
      <c r="DZ96" s="1012"/>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1010"/>
      <c r="BT97" s="1011"/>
      <c r="BU97" s="1011"/>
      <c r="BV97" s="1011"/>
      <c r="BW97" s="1011"/>
      <c r="BX97" s="1011"/>
      <c r="BY97" s="1011"/>
      <c r="BZ97" s="1011"/>
      <c r="CA97" s="1011"/>
      <c r="CB97" s="1011"/>
      <c r="CC97" s="1011"/>
      <c r="CD97" s="1011"/>
      <c r="CE97" s="1011"/>
      <c r="CF97" s="1011"/>
      <c r="CG97" s="1020"/>
      <c r="CH97" s="1021"/>
      <c r="CI97" s="1022"/>
      <c r="CJ97" s="1022"/>
      <c r="CK97" s="1022"/>
      <c r="CL97" s="1023"/>
      <c r="CM97" s="1021"/>
      <c r="CN97" s="1022"/>
      <c r="CO97" s="1022"/>
      <c r="CP97" s="1022"/>
      <c r="CQ97" s="1023"/>
      <c r="CR97" s="1021"/>
      <c r="CS97" s="1022"/>
      <c r="CT97" s="1022"/>
      <c r="CU97" s="1022"/>
      <c r="CV97" s="1023"/>
      <c r="CW97" s="1021"/>
      <c r="CX97" s="1022"/>
      <c r="CY97" s="1022"/>
      <c r="CZ97" s="1022"/>
      <c r="DA97" s="1023"/>
      <c r="DB97" s="1021"/>
      <c r="DC97" s="1022"/>
      <c r="DD97" s="1022"/>
      <c r="DE97" s="1022"/>
      <c r="DF97" s="1023"/>
      <c r="DG97" s="1021"/>
      <c r="DH97" s="1022"/>
      <c r="DI97" s="1022"/>
      <c r="DJ97" s="1022"/>
      <c r="DK97" s="1023"/>
      <c r="DL97" s="1021"/>
      <c r="DM97" s="1022"/>
      <c r="DN97" s="1022"/>
      <c r="DO97" s="1022"/>
      <c r="DP97" s="1023"/>
      <c r="DQ97" s="1021"/>
      <c r="DR97" s="1022"/>
      <c r="DS97" s="1022"/>
      <c r="DT97" s="1022"/>
      <c r="DU97" s="1023"/>
      <c r="DV97" s="1010"/>
      <c r="DW97" s="1011"/>
      <c r="DX97" s="1011"/>
      <c r="DY97" s="1011"/>
      <c r="DZ97" s="1012"/>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1010"/>
      <c r="BT98" s="1011"/>
      <c r="BU98" s="1011"/>
      <c r="BV98" s="1011"/>
      <c r="BW98" s="1011"/>
      <c r="BX98" s="1011"/>
      <c r="BY98" s="1011"/>
      <c r="BZ98" s="1011"/>
      <c r="CA98" s="1011"/>
      <c r="CB98" s="1011"/>
      <c r="CC98" s="1011"/>
      <c r="CD98" s="1011"/>
      <c r="CE98" s="1011"/>
      <c r="CF98" s="1011"/>
      <c r="CG98" s="1020"/>
      <c r="CH98" s="1021"/>
      <c r="CI98" s="1022"/>
      <c r="CJ98" s="1022"/>
      <c r="CK98" s="1022"/>
      <c r="CL98" s="1023"/>
      <c r="CM98" s="1021"/>
      <c r="CN98" s="1022"/>
      <c r="CO98" s="1022"/>
      <c r="CP98" s="1022"/>
      <c r="CQ98" s="1023"/>
      <c r="CR98" s="1021"/>
      <c r="CS98" s="1022"/>
      <c r="CT98" s="1022"/>
      <c r="CU98" s="1022"/>
      <c r="CV98" s="1023"/>
      <c r="CW98" s="1021"/>
      <c r="CX98" s="1022"/>
      <c r="CY98" s="1022"/>
      <c r="CZ98" s="1022"/>
      <c r="DA98" s="1023"/>
      <c r="DB98" s="1021"/>
      <c r="DC98" s="1022"/>
      <c r="DD98" s="1022"/>
      <c r="DE98" s="1022"/>
      <c r="DF98" s="1023"/>
      <c r="DG98" s="1021"/>
      <c r="DH98" s="1022"/>
      <c r="DI98" s="1022"/>
      <c r="DJ98" s="1022"/>
      <c r="DK98" s="1023"/>
      <c r="DL98" s="1021"/>
      <c r="DM98" s="1022"/>
      <c r="DN98" s="1022"/>
      <c r="DO98" s="1022"/>
      <c r="DP98" s="1023"/>
      <c r="DQ98" s="1021"/>
      <c r="DR98" s="1022"/>
      <c r="DS98" s="1022"/>
      <c r="DT98" s="1022"/>
      <c r="DU98" s="1023"/>
      <c r="DV98" s="1010"/>
      <c r="DW98" s="1011"/>
      <c r="DX98" s="1011"/>
      <c r="DY98" s="1011"/>
      <c r="DZ98" s="1012"/>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1010"/>
      <c r="BT99" s="1011"/>
      <c r="BU99" s="1011"/>
      <c r="BV99" s="1011"/>
      <c r="BW99" s="1011"/>
      <c r="BX99" s="1011"/>
      <c r="BY99" s="1011"/>
      <c r="BZ99" s="1011"/>
      <c r="CA99" s="1011"/>
      <c r="CB99" s="1011"/>
      <c r="CC99" s="1011"/>
      <c r="CD99" s="1011"/>
      <c r="CE99" s="1011"/>
      <c r="CF99" s="1011"/>
      <c r="CG99" s="1020"/>
      <c r="CH99" s="1021"/>
      <c r="CI99" s="1022"/>
      <c r="CJ99" s="1022"/>
      <c r="CK99" s="1022"/>
      <c r="CL99" s="1023"/>
      <c r="CM99" s="1021"/>
      <c r="CN99" s="1022"/>
      <c r="CO99" s="1022"/>
      <c r="CP99" s="1022"/>
      <c r="CQ99" s="1023"/>
      <c r="CR99" s="1021"/>
      <c r="CS99" s="1022"/>
      <c r="CT99" s="1022"/>
      <c r="CU99" s="1022"/>
      <c r="CV99" s="1023"/>
      <c r="CW99" s="1021"/>
      <c r="CX99" s="1022"/>
      <c r="CY99" s="1022"/>
      <c r="CZ99" s="1022"/>
      <c r="DA99" s="1023"/>
      <c r="DB99" s="1021"/>
      <c r="DC99" s="1022"/>
      <c r="DD99" s="1022"/>
      <c r="DE99" s="1022"/>
      <c r="DF99" s="1023"/>
      <c r="DG99" s="1021"/>
      <c r="DH99" s="1022"/>
      <c r="DI99" s="1022"/>
      <c r="DJ99" s="1022"/>
      <c r="DK99" s="1023"/>
      <c r="DL99" s="1021"/>
      <c r="DM99" s="1022"/>
      <c r="DN99" s="1022"/>
      <c r="DO99" s="1022"/>
      <c r="DP99" s="1023"/>
      <c r="DQ99" s="1021"/>
      <c r="DR99" s="1022"/>
      <c r="DS99" s="1022"/>
      <c r="DT99" s="1022"/>
      <c r="DU99" s="1023"/>
      <c r="DV99" s="1010"/>
      <c r="DW99" s="1011"/>
      <c r="DX99" s="1011"/>
      <c r="DY99" s="1011"/>
      <c r="DZ99" s="1012"/>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1010"/>
      <c r="BT100" s="1011"/>
      <c r="BU100" s="1011"/>
      <c r="BV100" s="1011"/>
      <c r="BW100" s="1011"/>
      <c r="BX100" s="1011"/>
      <c r="BY100" s="1011"/>
      <c r="BZ100" s="1011"/>
      <c r="CA100" s="1011"/>
      <c r="CB100" s="1011"/>
      <c r="CC100" s="1011"/>
      <c r="CD100" s="1011"/>
      <c r="CE100" s="1011"/>
      <c r="CF100" s="1011"/>
      <c r="CG100" s="1020"/>
      <c r="CH100" s="1021"/>
      <c r="CI100" s="1022"/>
      <c r="CJ100" s="1022"/>
      <c r="CK100" s="1022"/>
      <c r="CL100" s="1023"/>
      <c r="CM100" s="1021"/>
      <c r="CN100" s="1022"/>
      <c r="CO100" s="1022"/>
      <c r="CP100" s="1022"/>
      <c r="CQ100" s="1023"/>
      <c r="CR100" s="1021"/>
      <c r="CS100" s="1022"/>
      <c r="CT100" s="1022"/>
      <c r="CU100" s="1022"/>
      <c r="CV100" s="1023"/>
      <c r="CW100" s="1021"/>
      <c r="CX100" s="1022"/>
      <c r="CY100" s="1022"/>
      <c r="CZ100" s="1022"/>
      <c r="DA100" s="1023"/>
      <c r="DB100" s="1021"/>
      <c r="DC100" s="1022"/>
      <c r="DD100" s="1022"/>
      <c r="DE100" s="1022"/>
      <c r="DF100" s="1023"/>
      <c r="DG100" s="1021"/>
      <c r="DH100" s="1022"/>
      <c r="DI100" s="1022"/>
      <c r="DJ100" s="1022"/>
      <c r="DK100" s="1023"/>
      <c r="DL100" s="1021"/>
      <c r="DM100" s="1022"/>
      <c r="DN100" s="1022"/>
      <c r="DO100" s="1022"/>
      <c r="DP100" s="1023"/>
      <c r="DQ100" s="1021"/>
      <c r="DR100" s="1022"/>
      <c r="DS100" s="1022"/>
      <c r="DT100" s="1022"/>
      <c r="DU100" s="1023"/>
      <c r="DV100" s="1010"/>
      <c r="DW100" s="1011"/>
      <c r="DX100" s="1011"/>
      <c r="DY100" s="1011"/>
      <c r="DZ100" s="1012"/>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1010"/>
      <c r="BT101" s="1011"/>
      <c r="BU101" s="1011"/>
      <c r="BV101" s="1011"/>
      <c r="BW101" s="1011"/>
      <c r="BX101" s="1011"/>
      <c r="BY101" s="1011"/>
      <c r="BZ101" s="1011"/>
      <c r="CA101" s="1011"/>
      <c r="CB101" s="1011"/>
      <c r="CC101" s="1011"/>
      <c r="CD101" s="1011"/>
      <c r="CE101" s="1011"/>
      <c r="CF101" s="1011"/>
      <c r="CG101" s="1020"/>
      <c r="CH101" s="1021"/>
      <c r="CI101" s="1022"/>
      <c r="CJ101" s="1022"/>
      <c r="CK101" s="1022"/>
      <c r="CL101" s="1023"/>
      <c r="CM101" s="1021"/>
      <c r="CN101" s="1022"/>
      <c r="CO101" s="1022"/>
      <c r="CP101" s="1022"/>
      <c r="CQ101" s="1023"/>
      <c r="CR101" s="1021"/>
      <c r="CS101" s="1022"/>
      <c r="CT101" s="1022"/>
      <c r="CU101" s="1022"/>
      <c r="CV101" s="1023"/>
      <c r="CW101" s="1021"/>
      <c r="CX101" s="1022"/>
      <c r="CY101" s="1022"/>
      <c r="CZ101" s="1022"/>
      <c r="DA101" s="1023"/>
      <c r="DB101" s="1021"/>
      <c r="DC101" s="1022"/>
      <c r="DD101" s="1022"/>
      <c r="DE101" s="1022"/>
      <c r="DF101" s="1023"/>
      <c r="DG101" s="1021"/>
      <c r="DH101" s="1022"/>
      <c r="DI101" s="1022"/>
      <c r="DJ101" s="1022"/>
      <c r="DK101" s="1023"/>
      <c r="DL101" s="1021"/>
      <c r="DM101" s="1022"/>
      <c r="DN101" s="1022"/>
      <c r="DO101" s="1022"/>
      <c r="DP101" s="1023"/>
      <c r="DQ101" s="1021"/>
      <c r="DR101" s="1022"/>
      <c r="DS101" s="1022"/>
      <c r="DT101" s="1022"/>
      <c r="DU101" s="1023"/>
      <c r="DV101" s="1010"/>
      <c r="DW101" s="1011"/>
      <c r="DX101" s="1011"/>
      <c r="DY101" s="1011"/>
      <c r="DZ101" s="1012"/>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88</v>
      </c>
      <c r="BR102" s="1002" t="s">
        <v>420</v>
      </c>
      <c r="BS102" s="1003"/>
      <c r="BT102" s="1003"/>
      <c r="BU102" s="1003"/>
      <c r="BV102" s="1003"/>
      <c r="BW102" s="1003"/>
      <c r="BX102" s="1003"/>
      <c r="BY102" s="1003"/>
      <c r="BZ102" s="1003"/>
      <c r="CA102" s="1003"/>
      <c r="CB102" s="1003"/>
      <c r="CC102" s="1003"/>
      <c r="CD102" s="1003"/>
      <c r="CE102" s="1003"/>
      <c r="CF102" s="1003"/>
      <c r="CG102" s="1013"/>
      <c r="CH102" s="1014"/>
      <c r="CI102" s="1015"/>
      <c r="CJ102" s="1015"/>
      <c r="CK102" s="1015"/>
      <c r="CL102" s="1016"/>
      <c r="CM102" s="1014"/>
      <c r="CN102" s="1015"/>
      <c r="CO102" s="1015"/>
      <c r="CP102" s="1015"/>
      <c r="CQ102" s="1016"/>
      <c r="CR102" s="1017">
        <v>9</v>
      </c>
      <c r="CS102" s="1018"/>
      <c r="CT102" s="1018"/>
      <c r="CU102" s="1018"/>
      <c r="CV102" s="1019"/>
      <c r="CW102" s="1017">
        <v>2</v>
      </c>
      <c r="CX102" s="1018"/>
      <c r="CY102" s="1018"/>
      <c r="CZ102" s="1018"/>
      <c r="DA102" s="1019"/>
      <c r="DB102" s="1017" t="s">
        <v>519</v>
      </c>
      <c r="DC102" s="1018"/>
      <c r="DD102" s="1018"/>
      <c r="DE102" s="1018"/>
      <c r="DF102" s="1019"/>
      <c r="DG102" s="1017" t="s">
        <v>519</v>
      </c>
      <c r="DH102" s="1018"/>
      <c r="DI102" s="1018"/>
      <c r="DJ102" s="1018"/>
      <c r="DK102" s="1019"/>
      <c r="DL102" s="1017" t="s">
        <v>519</v>
      </c>
      <c r="DM102" s="1018"/>
      <c r="DN102" s="1018"/>
      <c r="DO102" s="1018"/>
      <c r="DP102" s="1019"/>
      <c r="DQ102" s="1017" t="s">
        <v>519</v>
      </c>
      <c r="DR102" s="1018"/>
      <c r="DS102" s="1018"/>
      <c r="DT102" s="1018"/>
      <c r="DU102" s="1019"/>
      <c r="DV102" s="1002"/>
      <c r="DW102" s="1003"/>
      <c r="DX102" s="1003"/>
      <c r="DY102" s="1003"/>
      <c r="DZ102" s="1004"/>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1005" t="s">
        <v>421</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1006" t="s">
        <v>422</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3</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4</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1007" t="s">
        <v>425</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6</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26" customFormat="1" ht="26.25" customHeight="1" x14ac:dyDescent="0.2">
      <c r="A109" s="960" t="s">
        <v>427</v>
      </c>
      <c r="B109" s="961"/>
      <c r="C109" s="961"/>
      <c r="D109" s="961"/>
      <c r="E109" s="961"/>
      <c r="F109" s="961"/>
      <c r="G109" s="961"/>
      <c r="H109" s="961"/>
      <c r="I109" s="961"/>
      <c r="J109" s="961"/>
      <c r="K109" s="961"/>
      <c r="L109" s="961"/>
      <c r="M109" s="961"/>
      <c r="N109" s="961"/>
      <c r="O109" s="961"/>
      <c r="P109" s="961"/>
      <c r="Q109" s="961"/>
      <c r="R109" s="961"/>
      <c r="S109" s="961"/>
      <c r="T109" s="961"/>
      <c r="U109" s="961"/>
      <c r="V109" s="961"/>
      <c r="W109" s="961"/>
      <c r="X109" s="961"/>
      <c r="Y109" s="961"/>
      <c r="Z109" s="962"/>
      <c r="AA109" s="963" t="s">
        <v>428</v>
      </c>
      <c r="AB109" s="961"/>
      <c r="AC109" s="961"/>
      <c r="AD109" s="961"/>
      <c r="AE109" s="962"/>
      <c r="AF109" s="963" t="s">
        <v>429</v>
      </c>
      <c r="AG109" s="961"/>
      <c r="AH109" s="961"/>
      <c r="AI109" s="961"/>
      <c r="AJ109" s="962"/>
      <c r="AK109" s="963" t="s">
        <v>302</v>
      </c>
      <c r="AL109" s="961"/>
      <c r="AM109" s="961"/>
      <c r="AN109" s="961"/>
      <c r="AO109" s="962"/>
      <c r="AP109" s="963" t="s">
        <v>430</v>
      </c>
      <c r="AQ109" s="961"/>
      <c r="AR109" s="961"/>
      <c r="AS109" s="961"/>
      <c r="AT109" s="994"/>
      <c r="AU109" s="960" t="s">
        <v>427</v>
      </c>
      <c r="AV109" s="961"/>
      <c r="AW109" s="961"/>
      <c r="AX109" s="961"/>
      <c r="AY109" s="961"/>
      <c r="AZ109" s="961"/>
      <c r="BA109" s="961"/>
      <c r="BB109" s="961"/>
      <c r="BC109" s="961"/>
      <c r="BD109" s="961"/>
      <c r="BE109" s="961"/>
      <c r="BF109" s="961"/>
      <c r="BG109" s="961"/>
      <c r="BH109" s="961"/>
      <c r="BI109" s="961"/>
      <c r="BJ109" s="961"/>
      <c r="BK109" s="961"/>
      <c r="BL109" s="961"/>
      <c r="BM109" s="961"/>
      <c r="BN109" s="961"/>
      <c r="BO109" s="961"/>
      <c r="BP109" s="962"/>
      <c r="BQ109" s="963" t="s">
        <v>428</v>
      </c>
      <c r="BR109" s="961"/>
      <c r="BS109" s="961"/>
      <c r="BT109" s="961"/>
      <c r="BU109" s="962"/>
      <c r="BV109" s="963" t="s">
        <v>429</v>
      </c>
      <c r="BW109" s="961"/>
      <c r="BX109" s="961"/>
      <c r="BY109" s="961"/>
      <c r="BZ109" s="962"/>
      <c r="CA109" s="963" t="s">
        <v>302</v>
      </c>
      <c r="CB109" s="961"/>
      <c r="CC109" s="961"/>
      <c r="CD109" s="961"/>
      <c r="CE109" s="962"/>
      <c r="CF109" s="1001" t="s">
        <v>430</v>
      </c>
      <c r="CG109" s="1001"/>
      <c r="CH109" s="1001"/>
      <c r="CI109" s="1001"/>
      <c r="CJ109" s="1001"/>
      <c r="CK109" s="963" t="s">
        <v>431</v>
      </c>
      <c r="CL109" s="961"/>
      <c r="CM109" s="961"/>
      <c r="CN109" s="961"/>
      <c r="CO109" s="961"/>
      <c r="CP109" s="961"/>
      <c r="CQ109" s="961"/>
      <c r="CR109" s="961"/>
      <c r="CS109" s="961"/>
      <c r="CT109" s="961"/>
      <c r="CU109" s="961"/>
      <c r="CV109" s="961"/>
      <c r="CW109" s="961"/>
      <c r="CX109" s="961"/>
      <c r="CY109" s="961"/>
      <c r="CZ109" s="961"/>
      <c r="DA109" s="961"/>
      <c r="DB109" s="961"/>
      <c r="DC109" s="961"/>
      <c r="DD109" s="961"/>
      <c r="DE109" s="961"/>
      <c r="DF109" s="962"/>
      <c r="DG109" s="963" t="s">
        <v>428</v>
      </c>
      <c r="DH109" s="961"/>
      <c r="DI109" s="961"/>
      <c r="DJ109" s="961"/>
      <c r="DK109" s="962"/>
      <c r="DL109" s="963" t="s">
        <v>429</v>
      </c>
      <c r="DM109" s="961"/>
      <c r="DN109" s="961"/>
      <c r="DO109" s="961"/>
      <c r="DP109" s="962"/>
      <c r="DQ109" s="963" t="s">
        <v>302</v>
      </c>
      <c r="DR109" s="961"/>
      <c r="DS109" s="961"/>
      <c r="DT109" s="961"/>
      <c r="DU109" s="962"/>
      <c r="DV109" s="963" t="s">
        <v>430</v>
      </c>
      <c r="DW109" s="961"/>
      <c r="DX109" s="961"/>
      <c r="DY109" s="961"/>
      <c r="DZ109" s="994"/>
    </row>
    <row r="110" spans="1:131" s="226" customFormat="1" ht="26.25" customHeight="1" x14ac:dyDescent="0.2">
      <c r="A110" s="872" t="s">
        <v>432</v>
      </c>
      <c r="B110" s="873"/>
      <c r="C110" s="873"/>
      <c r="D110" s="873"/>
      <c r="E110" s="873"/>
      <c r="F110" s="873"/>
      <c r="G110" s="873"/>
      <c r="H110" s="873"/>
      <c r="I110" s="873"/>
      <c r="J110" s="873"/>
      <c r="K110" s="873"/>
      <c r="L110" s="873"/>
      <c r="M110" s="873"/>
      <c r="N110" s="873"/>
      <c r="O110" s="873"/>
      <c r="P110" s="873"/>
      <c r="Q110" s="873"/>
      <c r="R110" s="873"/>
      <c r="S110" s="873"/>
      <c r="T110" s="873"/>
      <c r="U110" s="873"/>
      <c r="V110" s="873"/>
      <c r="W110" s="873"/>
      <c r="X110" s="873"/>
      <c r="Y110" s="873"/>
      <c r="Z110" s="874"/>
      <c r="AA110" s="953">
        <v>326152</v>
      </c>
      <c r="AB110" s="954"/>
      <c r="AC110" s="954"/>
      <c r="AD110" s="954"/>
      <c r="AE110" s="955"/>
      <c r="AF110" s="956">
        <v>360713</v>
      </c>
      <c r="AG110" s="954"/>
      <c r="AH110" s="954"/>
      <c r="AI110" s="954"/>
      <c r="AJ110" s="955"/>
      <c r="AK110" s="956">
        <v>385443</v>
      </c>
      <c r="AL110" s="954"/>
      <c r="AM110" s="954"/>
      <c r="AN110" s="954"/>
      <c r="AO110" s="955"/>
      <c r="AP110" s="957">
        <v>17.7</v>
      </c>
      <c r="AQ110" s="958"/>
      <c r="AR110" s="958"/>
      <c r="AS110" s="958"/>
      <c r="AT110" s="959"/>
      <c r="AU110" s="995" t="s">
        <v>72</v>
      </c>
      <c r="AV110" s="996"/>
      <c r="AW110" s="996"/>
      <c r="AX110" s="996"/>
      <c r="AY110" s="996"/>
      <c r="AZ110" s="925" t="s">
        <v>433</v>
      </c>
      <c r="BA110" s="873"/>
      <c r="BB110" s="873"/>
      <c r="BC110" s="873"/>
      <c r="BD110" s="873"/>
      <c r="BE110" s="873"/>
      <c r="BF110" s="873"/>
      <c r="BG110" s="873"/>
      <c r="BH110" s="873"/>
      <c r="BI110" s="873"/>
      <c r="BJ110" s="873"/>
      <c r="BK110" s="873"/>
      <c r="BL110" s="873"/>
      <c r="BM110" s="873"/>
      <c r="BN110" s="873"/>
      <c r="BO110" s="873"/>
      <c r="BP110" s="874"/>
      <c r="BQ110" s="926">
        <v>3480782</v>
      </c>
      <c r="BR110" s="907"/>
      <c r="BS110" s="907"/>
      <c r="BT110" s="907"/>
      <c r="BU110" s="907"/>
      <c r="BV110" s="907">
        <v>3500474</v>
      </c>
      <c r="BW110" s="907"/>
      <c r="BX110" s="907"/>
      <c r="BY110" s="907"/>
      <c r="BZ110" s="907"/>
      <c r="CA110" s="907">
        <v>3464217</v>
      </c>
      <c r="CB110" s="907"/>
      <c r="CC110" s="907"/>
      <c r="CD110" s="907"/>
      <c r="CE110" s="907"/>
      <c r="CF110" s="931">
        <v>158.80000000000001</v>
      </c>
      <c r="CG110" s="932"/>
      <c r="CH110" s="932"/>
      <c r="CI110" s="932"/>
      <c r="CJ110" s="932"/>
      <c r="CK110" s="991" t="s">
        <v>434</v>
      </c>
      <c r="CL110" s="884"/>
      <c r="CM110" s="925" t="s">
        <v>435</v>
      </c>
      <c r="CN110" s="873"/>
      <c r="CO110" s="873"/>
      <c r="CP110" s="873"/>
      <c r="CQ110" s="873"/>
      <c r="CR110" s="873"/>
      <c r="CS110" s="873"/>
      <c r="CT110" s="873"/>
      <c r="CU110" s="873"/>
      <c r="CV110" s="873"/>
      <c r="CW110" s="873"/>
      <c r="CX110" s="873"/>
      <c r="CY110" s="873"/>
      <c r="CZ110" s="873"/>
      <c r="DA110" s="873"/>
      <c r="DB110" s="873"/>
      <c r="DC110" s="873"/>
      <c r="DD110" s="873"/>
      <c r="DE110" s="873"/>
      <c r="DF110" s="874"/>
      <c r="DG110" s="926" t="s">
        <v>436</v>
      </c>
      <c r="DH110" s="907"/>
      <c r="DI110" s="907"/>
      <c r="DJ110" s="907"/>
      <c r="DK110" s="907"/>
      <c r="DL110" s="907" t="s">
        <v>437</v>
      </c>
      <c r="DM110" s="907"/>
      <c r="DN110" s="907"/>
      <c r="DO110" s="907"/>
      <c r="DP110" s="907"/>
      <c r="DQ110" s="907" t="s">
        <v>437</v>
      </c>
      <c r="DR110" s="907"/>
      <c r="DS110" s="907"/>
      <c r="DT110" s="907"/>
      <c r="DU110" s="907"/>
      <c r="DV110" s="908" t="s">
        <v>437</v>
      </c>
      <c r="DW110" s="908"/>
      <c r="DX110" s="908"/>
      <c r="DY110" s="908"/>
      <c r="DZ110" s="909"/>
    </row>
    <row r="111" spans="1:131" s="226" customFormat="1" ht="26.25" customHeight="1" x14ac:dyDescent="0.2">
      <c r="A111" s="839" t="s">
        <v>438</v>
      </c>
      <c r="B111" s="840"/>
      <c r="C111" s="840"/>
      <c r="D111" s="840"/>
      <c r="E111" s="840"/>
      <c r="F111" s="840"/>
      <c r="G111" s="840"/>
      <c r="H111" s="840"/>
      <c r="I111" s="840"/>
      <c r="J111" s="840"/>
      <c r="K111" s="840"/>
      <c r="L111" s="840"/>
      <c r="M111" s="840"/>
      <c r="N111" s="840"/>
      <c r="O111" s="840"/>
      <c r="P111" s="840"/>
      <c r="Q111" s="840"/>
      <c r="R111" s="840"/>
      <c r="S111" s="840"/>
      <c r="T111" s="840"/>
      <c r="U111" s="840"/>
      <c r="V111" s="840"/>
      <c r="W111" s="840"/>
      <c r="X111" s="840"/>
      <c r="Y111" s="840"/>
      <c r="Z111" s="990"/>
      <c r="AA111" s="983" t="s">
        <v>437</v>
      </c>
      <c r="AB111" s="984"/>
      <c r="AC111" s="984"/>
      <c r="AD111" s="984"/>
      <c r="AE111" s="985"/>
      <c r="AF111" s="986" t="s">
        <v>437</v>
      </c>
      <c r="AG111" s="984"/>
      <c r="AH111" s="984"/>
      <c r="AI111" s="984"/>
      <c r="AJ111" s="985"/>
      <c r="AK111" s="986" t="s">
        <v>437</v>
      </c>
      <c r="AL111" s="984"/>
      <c r="AM111" s="984"/>
      <c r="AN111" s="984"/>
      <c r="AO111" s="985"/>
      <c r="AP111" s="987" t="s">
        <v>439</v>
      </c>
      <c r="AQ111" s="988"/>
      <c r="AR111" s="988"/>
      <c r="AS111" s="988"/>
      <c r="AT111" s="989"/>
      <c r="AU111" s="997"/>
      <c r="AV111" s="998"/>
      <c r="AW111" s="998"/>
      <c r="AX111" s="998"/>
      <c r="AY111" s="998"/>
      <c r="AZ111" s="880" t="s">
        <v>440</v>
      </c>
      <c r="BA111" s="817"/>
      <c r="BB111" s="817"/>
      <c r="BC111" s="817"/>
      <c r="BD111" s="817"/>
      <c r="BE111" s="817"/>
      <c r="BF111" s="817"/>
      <c r="BG111" s="817"/>
      <c r="BH111" s="817"/>
      <c r="BI111" s="817"/>
      <c r="BJ111" s="817"/>
      <c r="BK111" s="817"/>
      <c r="BL111" s="817"/>
      <c r="BM111" s="817"/>
      <c r="BN111" s="817"/>
      <c r="BO111" s="817"/>
      <c r="BP111" s="818"/>
      <c r="BQ111" s="881" t="s">
        <v>437</v>
      </c>
      <c r="BR111" s="882"/>
      <c r="BS111" s="882"/>
      <c r="BT111" s="882"/>
      <c r="BU111" s="882"/>
      <c r="BV111" s="882" t="s">
        <v>437</v>
      </c>
      <c r="BW111" s="882"/>
      <c r="BX111" s="882"/>
      <c r="BY111" s="882"/>
      <c r="BZ111" s="882"/>
      <c r="CA111" s="882" t="s">
        <v>437</v>
      </c>
      <c r="CB111" s="882"/>
      <c r="CC111" s="882"/>
      <c r="CD111" s="882"/>
      <c r="CE111" s="882"/>
      <c r="CF111" s="940" t="s">
        <v>437</v>
      </c>
      <c r="CG111" s="941"/>
      <c r="CH111" s="941"/>
      <c r="CI111" s="941"/>
      <c r="CJ111" s="941"/>
      <c r="CK111" s="992"/>
      <c r="CL111" s="886"/>
      <c r="CM111" s="880" t="s">
        <v>441</v>
      </c>
      <c r="CN111" s="817"/>
      <c r="CO111" s="817"/>
      <c r="CP111" s="817"/>
      <c r="CQ111" s="817"/>
      <c r="CR111" s="817"/>
      <c r="CS111" s="817"/>
      <c r="CT111" s="817"/>
      <c r="CU111" s="817"/>
      <c r="CV111" s="817"/>
      <c r="CW111" s="817"/>
      <c r="CX111" s="817"/>
      <c r="CY111" s="817"/>
      <c r="CZ111" s="817"/>
      <c r="DA111" s="817"/>
      <c r="DB111" s="817"/>
      <c r="DC111" s="817"/>
      <c r="DD111" s="817"/>
      <c r="DE111" s="817"/>
      <c r="DF111" s="818"/>
      <c r="DG111" s="881" t="s">
        <v>437</v>
      </c>
      <c r="DH111" s="882"/>
      <c r="DI111" s="882"/>
      <c r="DJ111" s="882"/>
      <c r="DK111" s="882"/>
      <c r="DL111" s="882" t="s">
        <v>437</v>
      </c>
      <c r="DM111" s="882"/>
      <c r="DN111" s="882"/>
      <c r="DO111" s="882"/>
      <c r="DP111" s="882"/>
      <c r="DQ111" s="882" t="s">
        <v>437</v>
      </c>
      <c r="DR111" s="882"/>
      <c r="DS111" s="882"/>
      <c r="DT111" s="882"/>
      <c r="DU111" s="882"/>
      <c r="DV111" s="859" t="s">
        <v>437</v>
      </c>
      <c r="DW111" s="859"/>
      <c r="DX111" s="859"/>
      <c r="DY111" s="859"/>
      <c r="DZ111" s="860"/>
    </row>
    <row r="112" spans="1:131" s="226" customFormat="1" ht="26.25" customHeight="1" x14ac:dyDescent="0.2">
      <c r="A112" s="977" t="s">
        <v>442</v>
      </c>
      <c r="B112" s="978"/>
      <c r="C112" s="817" t="s">
        <v>443</v>
      </c>
      <c r="D112" s="817"/>
      <c r="E112" s="817"/>
      <c r="F112" s="817"/>
      <c r="G112" s="817"/>
      <c r="H112" s="817"/>
      <c r="I112" s="817"/>
      <c r="J112" s="817"/>
      <c r="K112" s="817"/>
      <c r="L112" s="817"/>
      <c r="M112" s="817"/>
      <c r="N112" s="817"/>
      <c r="O112" s="817"/>
      <c r="P112" s="817"/>
      <c r="Q112" s="817"/>
      <c r="R112" s="817"/>
      <c r="S112" s="817"/>
      <c r="T112" s="817"/>
      <c r="U112" s="817"/>
      <c r="V112" s="817"/>
      <c r="W112" s="817"/>
      <c r="X112" s="817"/>
      <c r="Y112" s="817"/>
      <c r="Z112" s="818"/>
      <c r="AA112" s="844" t="s">
        <v>437</v>
      </c>
      <c r="AB112" s="845"/>
      <c r="AC112" s="845"/>
      <c r="AD112" s="845"/>
      <c r="AE112" s="846"/>
      <c r="AF112" s="847" t="s">
        <v>437</v>
      </c>
      <c r="AG112" s="845"/>
      <c r="AH112" s="845"/>
      <c r="AI112" s="845"/>
      <c r="AJ112" s="846"/>
      <c r="AK112" s="847" t="s">
        <v>437</v>
      </c>
      <c r="AL112" s="845"/>
      <c r="AM112" s="845"/>
      <c r="AN112" s="845"/>
      <c r="AO112" s="846"/>
      <c r="AP112" s="889" t="s">
        <v>437</v>
      </c>
      <c r="AQ112" s="890"/>
      <c r="AR112" s="890"/>
      <c r="AS112" s="890"/>
      <c r="AT112" s="891"/>
      <c r="AU112" s="997"/>
      <c r="AV112" s="998"/>
      <c r="AW112" s="998"/>
      <c r="AX112" s="998"/>
      <c r="AY112" s="998"/>
      <c r="AZ112" s="880" t="s">
        <v>444</v>
      </c>
      <c r="BA112" s="817"/>
      <c r="BB112" s="817"/>
      <c r="BC112" s="817"/>
      <c r="BD112" s="817"/>
      <c r="BE112" s="817"/>
      <c r="BF112" s="817"/>
      <c r="BG112" s="817"/>
      <c r="BH112" s="817"/>
      <c r="BI112" s="817"/>
      <c r="BJ112" s="817"/>
      <c r="BK112" s="817"/>
      <c r="BL112" s="817"/>
      <c r="BM112" s="817"/>
      <c r="BN112" s="817"/>
      <c r="BO112" s="817"/>
      <c r="BP112" s="818"/>
      <c r="BQ112" s="881">
        <v>1743052</v>
      </c>
      <c r="BR112" s="882"/>
      <c r="BS112" s="882"/>
      <c r="BT112" s="882"/>
      <c r="BU112" s="882"/>
      <c r="BV112" s="882">
        <v>1653735</v>
      </c>
      <c r="BW112" s="882"/>
      <c r="BX112" s="882"/>
      <c r="BY112" s="882"/>
      <c r="BZ112" s="882"/>
      <c r="CA112" s="882">
        <v>1647793</v>
      </c>
      <c r="CB112" s="882"/>
      <c r="CC112" s="882"/>
      <c r="CD112" s="882"/>
      <c r="CE112" s="882"/>
      <c r="CF112" s="940">
        <v>75.5</v>
      </c>
      <c r="CG112" s="941"/>
      <c r="CH112" s="941"/>
      <c r="CI112" s="941"/>
      <c r="CJ112" s="941"/>
      <c r="CK112" s="992"/>
      <c r="CL112" s="886"/>
      <c r="CM112" s="880" t="s">
        <v>445</v>
      </c>
      <c r="CN112" s="817"/>
      <c r="CO112" s="817"/>
      <c r="CP112" s="817"/>
      <c r="CQ112" s="817"/>
      <c r="CR112" s="817"/>
      <c r="CS112" s="817"/>
      <c r="CT112" s="817"/>
      <c r="CU112" s="817"/>
      <c r="CV112" s="817"/>
      <c r="CW112" s="817"/>
      <c r="CX112" s="817"/>
      <c r="CY112" s="817"/>
      <c r="CZ112" s="817"/>
      <c r="DA112" s="817"/>
      <c r="DB112" s="817"/>
      <c r="DC112" s="817"/>
      <c r="DD112" s="817"/>
      <c r="DE112" s="817"/>
      <c r="DF112" s="818"/>
      <c r="DG112" s="881" t="s">
        <v>437</v>
      </c>
      <c r="DH112" s="882"/>
      <c r="DI112" s="882"/>
      <c r="DJ112" s="882"/>
      <c r="DK112" s="882"/>
      <c r="DL112" s="882" t="s">
        <v>437</v>
      </c>
      <c r="DM112" s="882"/>
      <c r="DN112" s="882"/>
      <c r="DO112" s="882"/>
      <c r="DP112" s="882"/>
      <c r="DQ112" s="882" t="s">
        <v>437</v>
      </c>
      <c r="DR112" s="882"/>
      <c r="DS112" s="882"/>
      <c r="DT112" s="882"/>
      <c r="DU112" s="882"/>
      <c r="DV112" s="859" t="s">
        <v>437</v>
      </c>
      <c r="DW112" s="859"/>
      <c r="DX112" s="859"/>
      <c r="DY112" s="859"/>
      <c r="DZ112" s="860"/>
    </row>
    <row r="113" spans="1:130" s="226" customFormat="1" ht="26.25" customHeight="1" x14ac:dyDescent="0.2">
      <c r="A113" s="979"/>
      <c r="B113" s="980"/>
      <c r="C113" s="817" t="s">
        <v>446</v>
      </c>
      <c r="D113" s="817"/>
      <c r="E113" s="817"/>
      <c r="F113" s="817"/>
      <c r="G113" s="817"/>
      <c r="H113" s="817"/>
      <c r="I113" s="817"/>
      <c r="J113" s="817"/>
      <c r="K113" s="817"/>
      <c r="L113" s="817"/>
      <c r="M113" s="817"/>
      <c r="N113" s="817"/>
      <c r="O113" s="817"/>
      <c r="P113" s="817"/>
      <c r="Q113" s="817"/>
      <c r="R113" s="817"/>
      <c r="S113" s="817"/>
      <c r="T113" s="817"/>
      <c r="U113" s="817"/>
      <c r="V113" s="817"/>
      <c r="W113" s="817"/>
      <c r="X113" s="817"/>
      <c r="Y113" s="817"/>
      <c r="Z113" s="818"/>
      <c r="AA113" s="983">
        <v>90559</v>
      </c>
      <c r="AB113" s="984"/>
      <c r="AC113" s="984"/>
      <c r="AD113" s="984"/>
      <c r="AE113" s="985"/>
      <c r="AF113" s="986">
        <v>95228</v>
      </c>
      <c r="AG113" s="984"/>
      <c r="AH113" s="984"/>
      <c r="AI113" s="984"/>
      <c r="AJ113" s="985"/>
      <c r="AK113" s="986">
        <v>97742</v>
      </c>
      <c r="AL113" s="984"/>
      <c r="AM113" s="984"/>
      <c r="AN113" s="984"/>
      <c r="AO113" s="985"/>
      <c r="AP113" s="987">
        <v>4.5</v>
      </c>
      <c r="AQ113" s="988"/>
      <c r="AR113" s="988"/>
      <c r="AS113" s="988"/>
      <c r="AT113" s="989"/>
      <c r="AU113" s="997"/>
      <c r="AV113" s="998"/>
      <c r="AW113" s="998"/>
      <c r="AX113" s="998"/>
      <c r="AY113" s="998"/>
      <c r="AZ113" s="880" t="s">
        <v>447</v>
      </c>
      <c r="BA113" s="817"/>
      <c r="BB113" s="817"/>
      <c r="BC113" s="817"/>
      <c r="BD113" s="817"/>
      <c r="BE113" s="817"/>
      <c r="BF113" s="817"/>
      <c r="BG113" s="817"/>
      <c r="BH113" s="817"/>
      <c r="BI113" s="817"/>
      <c r="BJ113" s="817"/>
      <c r="BK113" s="817"/>
      <c r="BL113" s="817"/>
      <c r="BM113" s="817"/>
      <c r="BN113" s="817"/>
      <c r="BO113" s="817"/>
      <c r="BP113" s="818"/>
      <c r="BQ113" s="881">
        <v>989932</v>
      </c>
      <c r="BR113" s="882"/>
      <c r="BS113" s="882"/>
      <c r="BT113" s="882"/>
      <c r="BU113" s="882"/>
      <c r="BV113" s="882">
        <v>890104</v>
      </c>
      <c r="BW113" s="882"/>
      <c r="BX113" s="882"/>
      <c r="BY113" s="882"/>
      <c r="BZ113" s="882"/>
      <c r="CA113" s="882">
        <v>790102</v>
      </c>
      <c r="CB113" s="882"/>
      <c r="CC113" s="882"/>
      <c r="CD113" s="882"/>
      <c r="CE113" s="882"/>
      <c r="CF113" s="940">
        <v>36.200000000000003</v>
      </c>
      <c r="CG113" s="941"/>
      <c r="CH113" s="941"/>
      <c r="CI113" s="941"/>
      <c r="CJ113" s="941"/>
      <c r="CK113" s="992"/>
      <c r="CL113" s="886"/>
      <c r="CM113" s="880" t="s">
        <v>448</v>
      </c>
      <c r="CN113" s="817"/>
      <c r="CO113" s="817"/>
      <c r="CP113" s="817"/>
      <c r="CQ113" s="817"/>
      <c r="CR113" s="817"/>
      <c r="CS113" s="817"/>
      <c r="CT113" s="817"/>
      <c r="CU113" s="817"/>
      <c r="CV113" s="817"/>
      <c r="CW113" s="817"/>
      <c r="CX113" s="817"/>
      <c r="CY113" s="817"/>
      <c r="CZ113" s="817"/>
      <c r="DA113" s="817"/>
      <c r="DB113" s="817"/>
      <c r="DC113" s="817"/>
      <c r="DD113" s="817"/>
      <c r="DE113" s="817"/>
      <c r="DF113" s="818"/>
      <c r="DG113" s="844" t="s">
        <v>436</v>
      </c>
      <c r="DH113" s="845"/>
      <c r="DI113" s="845"/>
      <c r="DJ113" s="845"/>
      <c r="DK113" s="846"/>
      <c r="DL113" s="847" t="s">
        <v>437</v>
      </c>
      <c r="DM113" s="845"/>
      <c r="DN113" s="845"/>
      <c r="DO113" s="845"/>
      <c r="DP113" s="846"/>
      <c r="DQ113" s="847" t="s">
        <v>437</v>
      </c>
      <c r="DR113" s="845"/>
      <c r="DS113" s="845"/>
      <c r="DT113" s="845"/>
      <c r="DU113" s="846"/>
      <c r="DV113" s="889" t="s">
        <v>437</v>
      </c>
      <c r="DW113" s="890"/>
      <c r="DX113" s="890"/>
      <c r="DY113" s="890"/>
      <c r="DZ113" s="891"/>
    </row>
    <row r="114" spans="1:130" s="226" customFormat="1" ht="26.25" customHeight="1" x14ac:dyDescent="0.2">
      <c r="A114" s="979"/>
      <c r="B114" s="980"/>
      <c r="C114" s="817" t="s">
        <v>449</v>
      </c>
      <c r="D114" s="817"/>
      <c r="E114" s="817"/>
      <c r="F114" s="817"/>
      <c r="G114" s="817"/>
      <c r="H114" s="817"/>
      <c r="I114" s="817"/>
      <c r="J114" s="817"/>
      <c r="K114" s="817"/>
      <c r="L114" s="817"/>
      <c r="M114" s="817"/>
      <c r="N114" s="817"/>
      <c r="O114" s="817"/>
      <c r="P114" s="817"/>
      <c r="Q114" s="817"/>
      <c r="R114" s="817"/>
      <c r="S114" s="817"/>
      <c r="T114" s="817"/>
      <c r="U114" s="817"/>
      <c r="V114" s="817"/>
      <c r="W114" s="817"/>
      <c r="X114" s="817"/>
      <c r="Y114" s="817"/>
      <c r="Z114" s="818"/>
      <c r="AA114" s="844">
        <v>82996</v>
      </c>
      <c r="AB114" s="845"/>
      <c r="AC114" s="845"/>
      <c r="AD114" s="845"/>
      <c r="AE114" s="846"/>
      <c r="AF114" s="847">
        <v>104968</v>
      </c>
      <c r="AG114" s="845"/>
      <c r="AH114" s="845"/>
      <c r="AI114" s="845"/>
      <c r="AJ114" s="846"/>
      <c r="AK114" s="847">
        <v>104579</v>
      </c>
      <c r="AL114" s="845"/>
      <c r="AM114" s="845"/>
      <c r="AN114" s="845"/>
      <c r="AO114" s="846"/>
      <c r="AP114" s="889">
        <v>4.8</v>
      </c>
      <c r="AQ114" s="890"/>
      <c r="AR114" s="890"/>
      <c r="AS114" s="890"/>
      <c r="AT114" s="891"/>
      <c r="AU114" s="997"/>
      <c r="AV114" s="998"/>
      <c r="AW114" s="998"/>
      <c r="AX114" s="998"/>
      <c r="AY114" s="998"/>
      <c r="AZ114" s="880" t="s">
        <v>450</v>
      </c>
      <c r="BA114" s="817"/>
      <c r="BB114" s="817"/>
      <c r="BC114" s="817"/>
      <c r="BD114" s="817"/>
      <c r="BE114" s="817"/>
      <c r="BF114" s="817"/>
      <c r="BG114" s="817"/>
      <c r="BH114" s="817"/>
      <c r="BI114" s="817"/>
      <c r="BJ114" s="817"/>
      <c r="BK114" s="817"/>
      <c r="BL114" s="817"/>
      <c r="BM114" s="817"/>
      <c r="BN114" s="817"/>
      <c r="BO114" s="817"/>
      <c r="BP114" s="818"/>
      <c r="BQ114" s="881">
        <v>826768</v>
      </c>
      <c r="BR114" s="882"/>
      <c r="BS114" s="882"/>
      <c r="BT114" s="882"/>
      <c r="BU114" s="882"/>
      <c r="BV114" s="882">
        <v>860720</v>
      </c>
      <c r="BW114" s="882"/>
      <c r="BX114" s="882"/>
      <c r="BY114" s="882"/>
      <c r="BZ114" s="882"/>
      <c r="CA114" s="882">
        <v>730778</v>
      </c>
      <c r="CB114" s="882"/>
      <c r="CC114" s="882"/>
      <c r="CD114" s="882"/>
      <c r="CE114" s="882"/>
      <c r="CF114" s="940">
        <v>33.5</v>
      </c>
      <c r="CG114" s="941"/>
      <c r="CH114" s="941"/>
      <c r="CI114" s="941"/>
      <c r="CJ114" s="941"/>
      <c r="CK114" s="992"/>
      <c r="CL114" s="886"/>
      <c r="CM114" s="880" t="s">
        <v>451</v>
      </c>
      <c r="CN114" s="817"/>
      <c r="CO114" s="817"/>
      <c r="CP114" s="817"/>
      <c r="CQ114" s="817"/>
      <c r="CR114" s="817"/>
      <c r="CS114" s="817"/>
      <c r="CT114" s="817"/>
      <c r="CU114" s="817"/>
      <c r="CV114" s="817"/>
      <c r="CW114" s="817"/>
      <c r="CX114" s="817"/>
      <c r="CY114" s="817"/>
      <c r="CZ114" s="817"/>
      <c r="DA114" s="817"/>
      <c r="DB114" s="817"/>
      <c r="DC114" s="817"/>
      <c r="DD114" s="817"/>
      <c r="DE114" s="817"/>
      <c r="DF114" s="818"/>
      <c r="DG114" s="844" t="s">
        <v>437</v>
      </c>
      <c r="DH114" s="845"/>
      <c r="DI114" s="845"/>
      <c r="DJ114" s="845"/>
      <c r="DK114" s="846"/>
      <c r="DL114" s="847" t="s">
        <v>437</v>
      </c>
      <c r="DM114" s="845"/>
      <c r="DN114" s="845"/>
      <c r="DO114" s="845"/>
      <c r="DP114" s="846"/>
      <c r="DQ114" s="847" t="s">
        <v>437</v>
      </c>
      <c r="DR114" s="845"/>
      <c r="DS114" s="845"/>
      <c r="DT114" s="845"/>
      <c r="DU114" s="846"/>
      <c r="DV114" s="889" t="s">
        <v>437</v>
      </c>
      <c r="DW114" s="890"/>
      <c r="DX114" s="890"/>
      <c r="DY114" s="890"/>
      <c r="DZ114" s="891"/>
    </row>
    <row r="115" spans="1:130" s="226" customFormat="1" ht="26.25" customHeight="1" x14ac:dyDescent="0.2">
      <c r="A115" s="979"/>
      <c r="B115" s="980"/>
      <c r="C115" s="817" t="s">
        <v>452</v>
      </c>
      <c r="D115" s="817"/>
      <c r="E115" s="817"/>
      <c r="F115" s="817"/>
      <c r="G115" s="817"/>
      <c r="H115" s="817"/>
      <c r="I115" s="817"/>
      <c r="J115" s="817"/>
      <c r="K115" s="817"/>
      <c r="L115" s="817"/>
      <c r="M115" s="817"/>
      <c r="N115" s="817"/>
      <c r="O115" s="817"/>
      <c r="P115" s="817"/>
      <c r="Q115" s="817"/>
      <c r="R115" s="817"/>
      <c r="S115" s="817"/>
      <c r="T115" s="817"/>
      <c r="U115" s="817"/>
      <c r="V115" s="817"/>
      <c r="W115" s="817"/>
      <c r="X115" s="817"/>
      <c r="Y115" s="817"/>
      <c r="Z115" s="818"/>
      <c r="AA115" s="983" t="s">
        <v>437</v>
      </c>
      <c r="AB115" s="984"/>
      <c r="AC115" s="984"/>
      <c r="AD115" s="984"/>
      <c r="AE115" s="985"/>
      <c r="AF115" s="986" t="s">
        <v>437</v>
      </c>
      <c r="AG115" s="984"/>
      <c r="AH115" s="984"/>
      <c r="AI115" s="984"/>
      <c r="AJ115" s="985"/>
      <c r="AK115" s="986" t="s">
        <v>437</v>
      </c>
      <c r="AL115" s="984"/>
      <c r="AM115" s="984"/>
      <c r="AN115" s="984"/>
      <c r="AO115" s="985"/>
      <c r="AP115" s="987" t="s">
        <v>437</v>
      </c>
      <c r="AQ115" s="988"/>
      <c r="AR115" s="988"/>
      <c r="AS115" s="988"/>
      <c r="AT115" s="989"/>
      <c r="AU115" s="997"/>
      <c r="AV115" s="998"/>
      <c r="AW115" s="998"/>
      <c r="AX115" s="998"/>
      <c r="AY115" s="998"/>
      <c r="AZ115" s="880" t="s">
        <v>453</v>
      </c>
      <c r="BA115" s="817"/>
      <c r="BB115" s="817"/>
      <c r="BC115" s="817"/>
      <c r="BD115" s="817"/>
      <c r="BE115" s="817"/>
      <c r="BF115" s="817"/>
      <c r="BG115" s="817"/>
      <c r="BH115" s="817"/>
      <c r="BI115" s="817"/>
      <c r="BJ115" s="817"/>
      <c r="BK115" s="817"/>
      <c r="BL115" s="817"/>
      <c r="BM115" s="817"/>
      <c r="BN115" s="817"/>
      <c r="BO115" s="817"/>
      <c r="BP115" s="818"/>
      <c r="BQ115" s="881" t="s">
        <v>436</v>
      </c>
      <c r="BR115" s="882"/>
      <c r="BS115" s="882"/>
      <c r="BT115" s="882"/>
      <c r="BU115" s="882"/>
      <c r="BV115" s="882" t="s">
        <v>437</v>
      </c>
      <c r="BW115" s="882"/>
      <c r="BX115" s="882"/>
      <c r="BY115" s="882"/>
      <c r="BZ115" s="882"/>
      <c r="CA115" s="882" t="s">
        <v>436</v>
      </c>
      <c r="CB115" s="882"/>
      <c r="CC115" s="882"/>
      <c r="CD115" s="882"/>
      <c r="CE115" s="882"/>
      <c r="CF115" s="940" t="s">
        <v>437</v>
      </c>
      <c r="CG115" s="941"/>
      <c r="CH115" s="941"/>
      <c r="CI115" s="941"/>
      <c r="CJ115" s="941"/>
      <c r="CK115" s="992"/>
      <c r="CL115" s="886"/>
      <c r="CM115" s="880" t="s">
        <v>454</v>
      </c>
      <c r="CN115" s="817"/>
      <c r="CO115" s="817"/>
      <c r="CP115" s="817"/>
      <c r="CQ115" s="817"/>
      <c r="CR115" s="817"/>
      <c r="CS115" s="817"/>
      <c r="CT115" s="817"/>
      <c r="CU115" s="817"/>
      <c r="CV115" s="817"/>
      <c r="CW115" s="817"/>
      <c r="CX115" s="817"/>
      <c r="CY115" s="817"/>
      <c r="CZ115" s="817"/>
      <c r="DA115" s="817"/>
      <c r="DB115" s="817"/>
      <c r="DC115" s="817"/>
      <c r="DD115" s="817"/>
      <c r="DE115" s="817"/>
      <c r="DF115" s="818"/>
      <c r="DG115" s="844" t="s">
        <v>437</v>
      </c>
      <c r="DH115" s="845"/>
      <c r="DI115" s="845"/>
      <c r="DJ115" s="845"/>
      <c r="DK115" s="846"/>
      <c r="DL115" s="847" t="s">
        <v>437</v>
      </c>
      <c r="DM115" s="845"/>
      <c r="DN115" s="845"/>
      <c r="DO115" s="845"/>
      <c r="DP115" s="846"/>
      <c r="DQ115" s="847" t="s">
        <v>437</v>
      </c>
      <c r="DR115" s="845"/>
      <c r="DS115" s="845"/>
      <c r="DT115" s="845"/>
      <c r="DU115" s="846"/>
      <c r="DV115" s="889" t="s">
        <v>436</v>
      </c>
      <c r="DW115" s="890"/>
      <c r="DX115" s="890"/>
      <c r="DY115" s="890"/>
      <c r="DZ115" s="891"/>
    </row>
    <row r="116" spans="1:130" s="226" customFormat="1" ht="26.25" customHeight="1" x14ac:dyDescent="0.2">
      <c r="A116" s="981"/>
      <c r="B116" s="982"/>
      <c r="C116" s="904" t="s">
        <v>455</v>
      </c>
      <c r="D116" s="904"/>
      <c r="E116" s="904"/>
      <c r="F116" s="904"/>
      <c r="G116" s="904"/>
      <c r="H116" s="904"/>
      <c r="I116" s="904"/>
      <c r="J116" s="904"/>
      <c r="K116" s="904"/>
      <c r="L116" s="904"/>
      <c r="M116" s="904"/>
      <c r="N116" s="904"/>
      <c r="O116" s="904"/>
      <c r="P116" s="904"/>
      <c r="Q116" s="904"/>
      <c r="R116" s="904"/>
      <c r="S116" s="904"/>
      <c r="T116" s="904"/>
      <c r="U116" s="904"/>
      <c r="V116" s="904"/>
      <c r="W116" s="904"/>
      <c r="X116" s="904"/>
      <c r="Y116" s="904"/>
      <c r="Z116" s="905"/>
      <c r="AA116" s="844">
        <v>35</v>
      </c>
      <c r="AB116" s="845"/>
      <c r="AC116" s="845"/>
      <c r="AD116" s="845"/>
      <c r="AE116" s="846"/>
      <c r="AF116" s="847">
        <v>137</v>
      </c>
      <c r="AG116" s="845"/>
      <c r="AH116" s="845"/>
      <c r="AI116" s="845"/>
      <c r="AJ116" s="846"/>
      <c r="AK116" s="847" t="s">
        <v>437</v>
      </c>
      <c r="AL116" s="845"/>
      <c r="AM116" s="845"/>
      <c r="AN116" s="845"/>
      <c r="AO116" s="846"/>
      <c r="AP116" s="889" t="s">
        <v>456</v>
      </c>
      <c r="AQ116" s="890"/>
      <c r="AR116" s="890"/>
      <c r="AS116" s="890"/>
      <c r="AT116" s="891"/>
      <c r="AU116" s="997"/>
      <c r="AV116" s="998"/>
      <c r="AW116" s="998"/>
      <c r="AX116" s="998"/>
      <c r="AY116" s="998"/>
      <c r="AZ116" s="974" t="s">
        <v>457</v>
      </c>
      <c r="BA116" s="975"/>
      <c r="BB116" s="975"/>
      <c r="BC116" s="975"/>
      <c r="BD116" s="975"/>
      <c r="BE116" s="975"/>
      <c r="BF116" s="975"/>
      <c r="BG116" s="975"/>
      <c r="BH116" s="975"/>
      <c r="BI116" s="975"/>
      <c r="BJ116" s="975"/>
      <c r="BK116" s="975"/>
      <c r="BL116" s="975"/>
      <c r="BM116" s="975"/>
      <c r="BN116" s="975"/>
      <c r="BO116" s="975"/>
      <c r="BP116" s="976"/>
      <c r="BQ116" s="881" t="s">
        <v>437</v>
      </c>
      <c r="BR116" s="882"/>
      <c r="BS116" s="882"/>
      <c r="BT116" s="882"/>
      <c r="BU116" s="882"/>
      <c r="BV116" s="882" t="s">
        <v>437</v>
      </c>
      <c r="BW116" s="882"/>
      <c r="BX116" s="882"/>
      <c r="BY116" s="882"/>
      <c r="BZ116" s="882"/>
      <c r="CA116" s="882" t="s">
        <v>437</v>
      </c>
      <c r="CB116" s="882"/>
      <c r="CC116" s="882"/>
      <c r="CD116" s="882"/>
      <c r="CE116" s="882"/>
      <c r="CF116" s="940" t="s">
        <v>437</v>
      </c>
      <c r="CG116" s="941"/>
      <c r="CH116" s="941"/>
      <c r="CI116" s="941"/>
      <c r="CJ116" s="941"/>
      <c r="CK116" s="992"/>
      <c r="CL116" s="886"/>
      <c r="CM116" s="880" t="s">
        <v>458</v>
      </c>
      <c r="CN116" s="817"/>
      <c r="CO116" s="817"/>
      <c r="CP116" s="817"/>
      <c r="CQ116" s="817"/>
      <c r="CR116" s="817"/>
      <c r="CS116" s="817"/>
      <c r="CT116" s="817"/>
      <c r="CU116" s="817"/>
      <c r="CV116" s="817"/>
      <c r="CW116" s="817"/>
      <c r="CX116" s="817"/>
      <c r="CY116" s="817"/>
      <c r="CZ116" s="817"/>
      <c r="DA116" s="817"/>
      <c r="DB116" s="817"/>
      <c r="DC116" s="817"/>
      <c r="DD116" s="817"/>
      <c r="DE116" s="817"/>
      <c r="DF116" s="818"/>
      <c r="DG116" s="844" t="s">
        <v>437</v>
      </c>
      <c r="DH116" s="845"/>
      <c r="DI116" s="845"/>
      <c r="DJ116" s="845"/>
      <c r="DK116" s="846"/>
      <c r="DL116" s="847" t="s">
        <v>437</v>
      </c>
      <c r="DM116" s="845"/>
      <c r="DN116" s="845"/>
      <c r="DO116" s="845"/>
      <c r="DP116" s="846"/>
      <c r="DQ116" s="847" t="s">
        <v>437</v>
      </c>
      <c r="DR116" s="845"/>
      <c r="DS116" s="845"/>
      <c r="DT116" s="845"/>
      <c r="DU116" s="846"/>
      <c r="DV116" s="889" t="s">
        <v>437</v>
      </c>
      <c r="DW116" s="890"/>
      <c r="DX116" s="890"/>
      <c r="DY116" s="890"/>
      <c r="DZ116" s="891"/>
    </row>
    <row r="117" spans="1:130" s="226" customFormat="1" ht="26.25" customHeight="1" x14ac:dyDescent="0.2">
      <c r="A117" s="960" t="s">
        <v>186</v>
      </c>
      <c r="B117" s="961"/>
      <c r="C117" s="961"/>
      <c r="D117" s="961"/>
      <c r="E117" s="961"/>
      <c r="F117" s="961"/>
      <c r="G117" s="961"/>
      <c r="H117" s="961"/>
      <c r="I117" s="961"/>
      <c r="J117" s="961"/>
      <c r="K117" s="961"/>
      <c r="L117" s="961"/>
      <c r="M117" s="961"/>
      <c r="N117" s="961"/>
      <c r="O117" s="961"/>
      <c r="P117" s="961"/>
      <c r="Q117" s="961"/>
      <c r="R117" s="961"/>
      <c r="S117" s="961"/>
      <c r="T117" s="961"/>
      <c r="U117" s="961"/>
      <c r="V117" s="961"/>
      <c r="W117" s="961"/>
      <c r="X117" s="961"/>
      <c r="Y117" s="942" t="s">
        <v>459</v>
      </c>
      <c r="Z117" s="962"/>
      <c r="AA117" s="967">
        <v>499742</v>
      </c>
      <c r="AB117" s="968"/>
      <c r="AC117" s="968"/>
      <c r="AD117" s="968"/>
      <c r="AE117" s="969"/>
      <c r="AF117" s="970">
        <v>561046</v>
      </c>
      <c r="AG117" s="968"/>
      <c r="AH117" s="968"/>
      <c r="AI117" s="968"/>
      <c r="AJ117" s="969"/>
      <c r="AK117" s="970">
        <v>587764</v>
      </c>
      <c r="AL117" s="968"/>
      <c r="AM117" s="968"/>
      <c r="AN117" s="968"/>
      <c r="AO117" s="969"/>
      <c r="AP117" s="971"/>
      <c r="AQ117" s="972"/>
      <c r="AR117" s="972"/>
      <c r="AS117" s="972"/>
      <c r="AT117" s="973"/>
      <c r="AU117" s="997"/>
      <c r="AV117" s="998"/>
      <c r="AW117" s="998"/>
      <c r="AX117" s="998"/>
      <c r="AY117" s="998"/>
      <c r="AZ117" s="928" t="s">
        <v>460</v>
      </c>
      <c r="BA117" s="929"/>
      <c r="BB117" s="929"/>
      <c r="BC117" s="929"/>
      <c r="BD117" s="929"/>
      <c r="BE117" s="929"/>
      <c r="BF117" s="929"/>
      <c r="BG117" s="929"/>
      <c r="BH117" s="929"/>
      <c r="BI117" s="929"/>
      <c r="BJ117" s="929"/>
      <c r="BK117" s="929"/>
      <c r="BL117" s="929"/>
      <c r="BM117" s="929"/>
      <c r="BN117" s="929"/>
      <c r="BO117" s="929"/>
      <c r="BP117" s="930"/>
      <c r="BQ117" s="881" t="s">
        <v>436</v>
      </c>
      <c r="BR117" s="882"/>
      <c r="BS117" s="882"/>
      <c r="BT117" s="882"/>
      <c r="BU117" s="882"/>
      <c r="BV117" s="882" t="s">
        <v>437</v>
      </c>
      <c r="BW117" s="882"/>
      <c r="BX117" s="882"/>
      <c r="BY117" s="882"/>
      <c r="BZ117" s="882"/>
      <c r="CA117" s="882" t="s">
        <v>437</v>
      </c>
      <c r="CB117" s="882"/>
      <c r="CC117" s="882"/>
      <c r="CD117" s="882"/>
      <c r="CE117" s="882"/>
      <c r="CF117" s="940" t="s">
        <v>437</v>
      </c>
      <c r="CG117" s="941"/>
      <c r="CH117" s="941"/>
      <c r="CI117" s="941"/>
      <c r="CJ117" s="941"/>
      <c r="CK117" s="992"/>
      <c r="CL117" s="886"/>
      <c r="CM117" s="880" t="s">
        <v>461</v>
      </c>
      <c r="CN117" s="817"/>
      <c r="CO117" s="817"/>
      <c r="CP117" s="817"/>
      <c r="CQ117" s="817"/>
      <c r="CR117" s="817"/>
      <c r="CS117" s="817"/>
      <c r="CT117" s="817"/>
      <c r="CU117" s="817"/>
      <c r="CV117" s="817"/>
      <c r="CW117" s="817"/>
      <c r="CX117" s="817"/>
      <c r="CY117" s="817"/>
      <c r="CZ117" s="817"/>
      <c r="DA117" s="817"/>
      <c r="DB117" s="817"/>
      <c r="DC117" s="817"/>
      <c r="DD117" s="817"/>
      <c r="DE117" s="817"/>
      <c r="DF117" s="818"/>
      <c r="DG117" s="844" t="s">
        <v>437</v>
      </c>
      <c r="DH117" s="845"/>
      <c r="DI117" s="845"/>
      <c r="DJ117" s="845"/>
      <c r="DK117" s="846"/>
      <c r="DL117" s="847" t="s">
        <v>437</v>
      </c>
      <c r="DM117" s="845"/>
      <c r="DN117" s="845"/>
      <c r="DO117" s="845"/>
      <c r="DP117" s="846"/>
      <c r="DQ117" s="847" t="s">
        <v>437</v>
      </c>
      <c r="DR117" s="845"/>
      <c r="DS117" s="845"/>
      <c r="DT117" s="845"/>
      <c r="DU117" s="846"/>
      <c r="DV117" s="889" t="s">
        <v>437</v>
      </c>
      <c r="DW117" s="890"/>
      <c r="DX117" s="890"/>
      <c r="DY117" s="890"/>
      <c r="DZ117" s="891"/>
    </row>
    <row r="118" spans="1:130" s="226" customFormat="1" ht="26.25" customHeight="1" x14ac:dyDescent="0.2">
      <c r="A118" s="960" t="s">
        <v>431</v>
      </c>
      <c r="B118" s="961"/>
      <c r="C118" s="961"/>
      <c r="D118" s="961"/>
      <c r="E118" s="961"/>
      <c r="F118" s="961"/>
      <c r="G118" s="961"/>
      <c r="H118" s="961"/>
      <c r="I118" s="961"/>
      <c r="J118" s="961"/>
      <c r="K118" s="961"/>
      <c r="L118" s="961"/>
      <c r="M118" s="961"/>
      <c r="N118" s="961"/>
      <c r="O118" s="961"/>
      <c r="P118" s="961"/>
      <c r="Q118" s="961"/>
      <c r="R118" s="961"/>
      <c r="S118" s="961"/>
      <c r="T118" s="961"/>
      <c r="U118" s="961"/>
      <c r="V118" s="961"/>
      <c r="W118" s="961"/>
      <c r="X118" s="961"/>
      <c r="Y118" s="961"/>
      <c r="Z118" s="962"/>
      <c r="AA118" s="963" t="s">
        <v>428</v>
      </c>
      <c r="AB118" s="961"/>
      <c r="AC118" s="961"/>
      <c r="AD118" s="961"/>
      <c r="AE118" s="962"/>
      <c r="AF118" s="963" t="s">
        <v>429</v>
      </c>
      <c r="AG118" s="961"/>
      <c r="AH118" s="961"/>
      <c r="AI118" s="961"/>
      <c r="AJ118" s="962"/>
      <c r="AK118" s="963" t="s">
        <v>302</v>
      </c>
      <c r="AL118" s="961"/>
      <c r="AM118" s="961"/>
      <c r="AN118" s="961"/>
      <c r="AO118" s="962"/>
      <c r="AP118" s="964" t="s">
        <v>430</v>
      </c>
      <c r="AQ118" s="965"/>
      <c r="AR118" s="965"/>
      <c r="AS118" s="965"/>
      <c r="AT118" s="966"/>
      <c r="AU118" s="997"/>
      <c r="AV118" s="998"/>
      <c r="AW118" s="998"/>
      <c r="AX118" s="998"/>
      <c r="AY118" s="998"/>
      <c r="AZ118" s="903" t="s">
        <v>462</v>
      </c>
      <c r="BA118" s="904"/>
      <c r="BB118" s="904"/>
      <c r="BC118" s="904"/>
      <c r="BD118" s="904"/>
      <c r="BE118" s="904"/>
      <c r="BF118" s="904"/>
      <c r="BG118" s="904"/>
      <c r="BH118" s="904"/>
      <c r="BI118" s="904"/>
      <c r="BJ118" s="904"/>
      <c r="BK118" s="904"/>
      <c r="BL118" s="904"/>
      <c r="BM118" s="904"/>
      <c r="BN118" s="904"/>
      <c r="BO118" s="904"/>
      <c r="BP118" s="905"/>
      <c r="BQ118" s="944" t="s">
        <v>437</v>
      </c>
      <c r="BR118" s="910"/>
      <c r="BS118" s="910"/>
      <c r="BT118" s="910"/>
      <c r="BU118" s="910"/>
      <c r="BV118" s="910" t="s">
        <v>437</v>
      </c>
      <c r="BW118" s="910"/>
      <c r="BX118" s="910"/>
      <c r="BY118" s="910"/>
      <c r="BZ118" s="910"/>
      <c r="CA118" s="910" t="s">
        <v>436</v>
      </c>
      <c r="CB118" s="910"/>
      <c r="CC118" s="910"/>
      <c r="CD118" s="910"/>
      <c r="CE118" s="910"/>
      <c r="CF118" s="940" t="s">
        <v>437</v>
      </c>
      <c r="CG118" s="941"/>
      <c r="CH118" s="941"/>
      <c r="CI118" s="941"/>
      <c r="CJ118" s="941"/>
      <c r="CK118" s="992"/>
      <c r="CL118" s="886"/>
      <c r="CM118" s="880" t="s">
        <v>463</v>
      </c>
      <c r="CN118" s="817"/>
      <c r="CO118" s="817"/>
      <c r="CP118" s="817"/>
      <c r="CQ118" s="817"/>
      <c r="CR118" s="817"/>
      <c r="CS118" s="817"/>
      <c r="CT118" s="817"/>
      <c r="CU118" s="817"/>
      <c r="CV118" s="817"/>
      <c r="CW118" s="817"/>
      <c r="CX118" s="817"/>
      <c r="CY118" s="817"/>
      <c r="CZ118" s="817"/>
      <c r="DA118" s="817"/>
      <c r="DB118" s="817"/>
      <c r="DC118" s="817"/>
      <c r="DD118" s="817"/>
      <c r="DE118" s="817"/>
      <c r="DF118" s="818"/>
      <c r="DG118" s="844" t="s">
        <v>437</v>
      </c>
      <c r="DH118" s="845"/>
      <c r="DI118" s="845"/>
      <c r="DJ118" s="845"/>
      <c r="DK118" s="846"/>
      <c r="DL118" s="847" t="s">
        <v>437</v>
      </c>
      <c r="DM118" s="845"/>
      <c r="DN118" s="845"/>
      <c r="DO118" s="845"/>
      <c r="DP118" s="846"/>
      <c r="DQ118" s="847" t="s">
        <v>436</v>
      </c>
      <c r="DR118" s="845"/>
      <c r="DS118" s="845"/>
      <c r="DT118" s="845"/>
      <c r="DU118" s="846"/>
      <c r="DV118" s="889" t="s">
        <v>437</v>
      </c>
      <c r="DW118" s="890"/>
      <c r="DX118" s="890"/>
      <c r="DY118" s="890"/>
      <c r="DZ118" s="891"/>
    </row>
    <row r="119" spans="1:130" s="226" customFormat="1" ht="26.25" customHeight="1" x14ac:dyDescent="0.2">
      <c r="A119" s="883" t="s">
        <v>434</v>
      </c>
      <c r="B119" s="884"/>
      <c r="C119" s="925" t="s">
        <v>435</v>
      </c>
      <c r="D119" s="873"/>
      <c r="E119" s="873"/>
      <c r="F119" s="873"/>
      <c r="G119" s="873"/>
      <c r="H119" s="873"/>
      <c r="I119" s="873"/>
      <c r="J119" s="873"/>
      <c r="K119" s="873"/>
      <c r="L119" s="873"/>
      <c r="M119" s="873"/>
      <c r="N119" s="873"/>
      <c r="O119" s="873"/>
      <c r="P119" s="873"/>
      <c r="Q119" s="873"/>
      <c r="R119" s="873"/>
      <c r="S119" s="873"/>
      <c r="T119" s="873"/>
      <c r="U119" s="873"/>
      <c r="V119" s="873"/>
      <c r="W119" s="873"/>
      <c r="X119" s="873"/>
      <c r="Y119" s="873"/>
      <c r="Z119" s="874"/>
      <c r="AA119" s="953" t="s">
        <v>437</v>
      </c>
      <c r="AB119" s="954"/>
      <c r="AC119" s="954"/>
      <c r="AD119" s="954"/>
      <c r="AE119" s="955"/>
      <c r="AF119" s="956" t="s">
        <v>437</v>
      </c>
      <c r="AG119" s="954"/>
      <c r="AH119" s="954"/>
      <c r="AI119" s="954"/>
      <c r="AJ119" s="955"/>
      <c r="AK119" s="956" t="s">
        <v>437</v>
      </c>
      <c r="AL119" s="954"/>
      <c r="AM119" s="954"/>
      <c r="AN119" s="954"/>
      <c r="AO119" s="955"/>
      <c r="AP119" s="957" t="s">
        <v>437</v>
      </c>
      <c r="AQ119" s="958"/>
      <c r="AR119" s="958"/>
      <c r="AS119" s="958"/>
      <c r="AT119" s="959"/>
      <c r="AU119" s="999"/>
      <c r="AV119" s="1000"/>
      <c r="AW119" s="1000"/>
      <c r="AX119" s="1000"/>
      <c r="AY119" s="1000"/>
      <c r="AZ119" s="247" t="s">
        <v>186</v>
      </c>
      <c r="BA119" s="247"/>
      <c r="BB119" s="247"/>
      <c r="BC119" s="247"/>
      <c r="BD119" s="247"/>
      <c r="BE119" s="247"/>
      <c r="BF119" s="247"/>
      <c r="BG119" s="247"/>
      <c r="BH119" s="247"/>
      <c r="BI119" s="247"/>
      <c r="BJ119" s="247"/>
      <c r="BK119" s="247"/>
      <c r="BL119" s="247"/>
      <c r="BM119" s="247"/>
      <c r="BN119" s="247"/>
      <c r="BO119" s="942" t="s">
        <v>464</v>
      </c>
      <c r="BP119" s="943"/>
      <c r="BQ119" s="944">
        <v>7040534</v>
      </c>
      <c r="BR119" s="910"/>
      <c r="BS119" s="910"/>
      <c r="BT119" s="910"/>
      <c r="BU119" s="910"/>
      <c r="BV119" s="910">
        <v>6905033</v>
      </c>
      <c r="BW119" s="910"/>
      <c r="BX119" s="910"/>
      <c r="BY119" s="910"/>
      <c r="BZ119" s="910"/>
      <c r="CA119" s="910">
        <v>6632890</v>
      </c>
      <c r="CB119" s="910"/>
      <c r="CC119" s="910"/>
      <c r="CD119" s="910"/>
      <c r="CE119" s="910"/>
      <c r="CF119" s="813"/>
      <c r="CG119" s="814"/>
      <c r="CH119" s="814"/>
      <c r="CI119" s="814"/>
      <c r="CJ119" s="899"/>
      <c r="CK119" s="993"/>
      <c r="CL119" s="888"/>
      <c r="CM119" s="903" t="s">
        <v>465</v>
      </c>
      <c r="CN119" s="904"/>
      <c r="CO119" s="904"/>
      <c r="CP119" s="904"/>
      <c r="CQ119" s="904"/>
      <c r="CR119" s="904"/>
      <c r="CS119" s="904"/>
      <c r="CT119" s="904"/>
      <c r="CU119" s="904"/>
      <c r="CV119" s="904"/>
      <c r="CW119" s="904"/>
      <c r="CX119" s="904"/>
      <c r="CY119" s="904"/>
      <c r="CZ119" s="904"/>
      <c r="DA119" s="904"/>
      <c r="DB119" s="904"/>
      <c r="DC119" s="904"/>
      <c r="DD119" s="904"/>
      <c r="DE119" s="904"/>
      <c r="DF119" s="905"/>
      <c r="DG119" s="828" t="s">
        <v>436</v>
      </c>
      <c r="DH119" s="829"/>
      <c r="DI119" s="829"/>
      <c r="DJ119" s="829"/>
      <c r="DK119" s="830"/>
      <c r="DL119" s="831" t="s">
        <v>437</v>
      </c>
      <c r="DM119" s="829"/>
      <c r="DN119" s="829"/>
      <c r="DO119" s="829"/>
      <c r="DP119" s="830"/>
      <c r="DQ119" s="831" t="s">
        <v>436</v>
      </c>
      <c r="DR119" s="829"/>
      <c r="DS119" s="829"/>
      <c r="DT119" s="829"/>
      <c r="DU119" s="830"/>
      <c r="DV119" s="913" t="s">
        <v>436</v>
      </c>
      <c r="DW119" s="914"/>
      <c r="DX119" s="914"/>
      <c r="DY119" s="914"/>
      <c r="DZ119" s="915"/>
    </row>
    <row r="120" spans="1:130" s="226" customFormat="1" ht="26.25" customHeight="1" x14ac:dyDescent="0.2">
      <c r="A120" s="885"/>
      <c r="B120" s="886"/>
      <c r="C120" s="880" t="s">
        <v>441</v>
      </c>
      <c r="D120" s="817"/>
      <c r="E120" s="817"/>
      <c r="F120" s="817"/>
      <c r="G120" s="817"/>
      <c r="H120" s="817"/>
      <c r="I120" s="817"/>
      <c r="J120" s="817"/>
      <c r="K120" s="817"/>
      <c r="L120" s="817"/>
      <c r="M120" s="817"/>
      <c r="N120" s="817"/>
      <c r="O120" s="817"/>
      <c r="P120" s="817"/>
      <c r="Q120" s="817"/>
      <c r="R120" s="817"/>
      <c r="S120" s="817"/>
      <c r="T120" s="817"/>
      <c r="U120" s="817"/>
      <c r="V120" s="817"/>
      <c r="W120" s="817"/>
      <c r="X120" s="817"/>
      <c r="Y120" s="817"/>
      <c r="Z120" s="818"/>
      <c r="AA120" s="844" t="s">
        <v>436</v>
      </c>
      <c r="AB120" s="845"/>
      <c r="AC120" s="845"/>
      <c r="AD120" s="845"/>
      <c r="AE120" s="846"/>
      <c r="AF120" s="847" t="s">
        <v>437</v>
      </c>
      <c r="AG120" s="845"/>
      <c r="AH120" s="845"/>
      <c r="AI120" s="845"/>
      <c r="AJ120" s="846"/>
      <c r="AK120" s="847" t="s">
        <v>436</v>
      </c>
      <c r="AL120" s="845"/>
      <c r="AM120" s="845"/>
      <c r="AN120" s="845"/>
      <c r="AO120" s="846"/>
      <c r="AP120" s="889" t="s">
        <v>437</v>
      </c>
      <c r="AQ120" s="890"/>
      <c r="AR120" s="890"/>
      <c r="AS120" s="890"/>
      <c r="AT120" s="891"/>
      <c r="AU120" s="945" t="s">
        <v>466</v>
      </c>
      <c r="AV120" s="946"/>
      <c r="AW120" s="946"/>
      <c r="AX120" s="946"/>
      <c r="AY120" s="947"/>
      <c r="AZ120" s="925" t="s">
        <v>467</v>
      </c>
      <c r="BA120" s="873"/>
      <c r="BB120" s="873"/>
      <c r="BC120" s="873"/>
      <c r="BD120" s="873"/>
      <c r="BE120" s="873"/>
      <c r="BF120" s="873"/>
      <c r="BG120" s="873"/>
      <c r="BH120" s="873"/>
      <c r="BI120" s="873"/>
      <c r="BJ120" s="873"/>
      <c r="BK120" s="873"/>
      <c r="BL120" s="873"/>
      <c r="BM120" s="873"/>
      <c r="BN120" s="873"/>
      <c r="BO120" s="873"/>
      <c r="BP120" s="874"/>
      <c r="BQ120" s="926">
        <v>555643</v>
      </c>
      <c r="BR120" s="907"/>
      <c r="BS120" s="907"/>
      <c r="BT120" s="907"/>
      <c r="BU120" s="907"/>
      <c r="BV120" s="907">
        <v>511694</v>
      </c>
      <c r="BW120" s="907"/>
      <c r="BX120" s="907"/>
      <c r="BY120" s="907"/>
      <c r="BZ120" s="907"/>
      <c r="CA120" s="907">
        <v>751422</v>
      </c>
      <c r="CB120" s="907"/>
      <c r="CC120" s="907"/>
      <c r="CD120" s="907"/>
      <c r="CE120" s="907"/>
      <c r="CF120" s="931">
        <v>34.4</v>
      </c>
      <c r="CG120" s="932"/>
      <c r="CH120" s="932"/>
      <c r="CI120" s="932"/>
      <c r="CJ120" s="932"/>
      <c r="CK120" s="933" t="s">
        <v>468</v>
      </c>
      <c r="CL120" s="917"/>
      <c r="CM120" s="917"/>
      <c r="CN120" s="917"/>
      <c r="CO120" s="918"/>
      <c r="CP120" s="937" t="s">
        <v>469</v>
      </c>
      <c r="CQ120" s="938"/>
      <c r="CR120" s="938"/>
      <c r="CS120" s="938"/>
      <c r="CT120" s="938"/>
      <c r="CU120" s="938"/>
      <c r="CV120" s="938"/>
      <c r="CW120" s="938"/>
      <c r="CX120" s="938"/>
      <c r="CY120" s="938"/>
      <c r="CZ120" s="938"/>
      <c r="DA120" s="938"/>
      <c r="DB120" s="938"/>
      <c r="DC120" s="938"/>
      <c r="DD120" s="938"/>
      <c r="DE120" s="938"/>
      <c r="DF120" s="939"/>
      <c r="DG120" s="926">
        <v>1519122</v>
      </c>
      <c r="DH120" s="907"/>
      <c r="DI120" s="907"/>
      <c r="DJ120" s="907"/>
      <c r="DK120" s="907"/>
      <c r="DL120" s="907">
        <v>1454260</v>
      </c>
      <c r="DM120" s="907"/>
      <c r="DN120" s="907"/>
      <c r="DO120" s="907"/>
      <c r="DP120" s="907"/>
      <c r="DQ120" s="907">
        <v>1467321</v>
      </c>
      <c r="DR120" s="907"/>
      <c r="DS120" s="907"/>
      <c r="DT120" s="907"/>
      <c r="DU120" s="907"/>
      <c r="DV120" s="908">
        <v>67.2</v>
      </c>
      <c r="DW120" s="908"/>
      <c r="DX120" s="908"/>
      <c r="DY120" s="908"/>
      <c r="DZ120" s="909"/>
    </row>
    <row r="121" spans="1:130" s="226" customFormat="1" ht="26.25" customHeight="1" x14ac:dyDescent="0.2">
      <c r="A121" s="885"/>
      <c r="B121" s="886"/>
      <c r="C121" s="928" t="s">
        <v>470</v>
      </c>
      <c r="D121" s="929"/>
      <c r="E121" s="929"/>
      <c r="F121" s="929"/>
      <c r="G121" s="929"/>
      <c r="H121" s="929"/>
      <c r="I121" s="929"/>
      <c r="J121" s="929"/>
      <c r="K121" s="929"/>
      <c r="L121" s="929"/>
      <c r="M121" s="929"/>
      <c r="N121" s="929"/>
      <c r="O121" s="929"/>
      <c r="P121" s="929"/>
      <c r="Q121" s="929"/>
      <c r="R121" s="929"/>
      <c r="S121" s="929"/>
      <c r="T121" s="929"/>
      <c r="U121" s="929"/>
      <c r="V121" s="929"/>
      <c r="W121" s="929"/>
      <c r="X121" s="929"/>
      <c r="Y121" s="929"/>
      <c r="Z121" s="930"/>
      <c r="AA121" s="844" t="s">
        <v>436</v>
      </c>
      <c r="AB121" s="845"/>
      <c r="AC121" s="845"/>
      <c r="AD121" s="845"/>
      <c r="AE121" s="846"/>
      <c r="AF121" s="847" t="s">
        <v>437</v>
      </c>
      <c r="AG121" s="845"/>
      <c r="AH121" s="845"/>
      <c r="AI121" s="845"/>
      <c r="AJ121" s="846"/>
      <c r="AK121" s="847" t="s">
        <v>436</v>
      </c>
      <c r="AL121" s="845"/>
      <c r="AM121" s="845"/>
      <c r="AN121" s="845"/>
      <c r="AO121" s="846"/>
      <c r="AP121" s="889" t="s">
        <v>437</v>
      </c>
      <c r="AQ121" s="890"/>
      <c r="AR121" s="890"/>
      <c r="AS121" s="890"/>
      <c r="AT121" s="891"/>
      <c r="AU121" s="948"/>
      <c r="AV121" s="949"/>
      <c r="AW121" s="949"/>
      <c r="AX121" s="949"/>
      <c r="AY121" s="950"/>
      <c r="AZ121" s="880" t="s">
        <v>471</v>
      </c>
      <c r="BA121" s="817"/>
      <c r="BB121" s="817"/>
      <c r="BC121" s="817"/>
      <c r="BD121" s="817"/>
      <c r="BE121" s="817"/>
      <c r="BF121" s="817"/>
      <c r="BG121" s="817"/>
      <c r="BH121" s="817"/>
      <c r="BI121" s="817"/>
      <c r="BJ121" s="817"/>
      <c r="BK121" s="817"/>
      <c r="BL121" s="817"/>
      <c r="BM121" s="817"/>
      <c r="BN121" s="817"/>
      <c r="BO121" s="817"/>
      <c r="BP121" s="818"/>
      <c r="BQ121" s="881">
        <v>46935</v>
      </c>
      <c r="BR121" s="882"/>
      <c r="BS121" s="882"/>
      <c r="BT121" s="882"/>
      <c r="BU121" s="882"/>
      <c r="BV121" s="882">
        <v>40107</v>
      </c>
      <c r="BW121" s="882"/>
      <c r="BX121" s="882"/>
      <c r="BY121" s="882"/>
      <c r="BZ121" s="882"/>
      <c r="CA121" s="882">
        <v>35427</v>
      </c>
      <c r="CB121" s="882"/>
      <c r="CC121" s="882"/>
      <c r="CD121" s="882"/>
      <c r="CE121" s="882"/>
      <c r="CF121" s="940">
        <v>1.6</v>
      </c>
      <c r="CG121" s="941"/>
      <c r="CH121" s="941"/>
      <c r="CI121" s="941"/>
      <c r="CJ121" s="941"/>
      <c r="CK121" s="934"/>
      <c r="CL121" s="920"/>
      <c r="CM121" s="920"/>
      <c r="CN121" s="920"/>
      <c r="CO121" s="921"/>
      <c r="CP121" s="900" t="s">
        <v>472</v>
      </c>
      <c r="CQ121" s="901"/>
      <c r="CR121" s="901"/>
      <c r="CS121" s="901"/>
      <c r="CT121" s="901"/>
      <c r="CU121" s="901"/>
      <c r="CV121" s="901"/>
      <c r="CW121" s="901"/>
      <c r="CX121" s="901"/>
      <c r="CY121" s="901"/>
      <c r="CZ121" s="901"/>
      <c r="DA121" s="901"/>
      <c r="DB121" s="901"/>
      <c r="DC121" s="901"/>
      <c r="DD121" s="901"/>
      <c r="DE121" s="901"/>
      <c r="DF121" s="902"/>
      <c r="DG121" s="881">
        <v>223930</v>
      </c>
      <c r="DH121" s="882"/>
      <c r="DI121" s="882"/>
      <c r="DJ121" s="882"/>
      <c r="DK121" s="882"/>
      <c r="DL121" s="882">
        <v>199475</v>
      </c>
      <c r="DM121" s="882"/>
      <c r="DN121" s="882"/>
      <c r="DO121" s="882"/>
      <c r="DP121" s="882"/>
      <c r="DQ121" s="882">
        <v>174587</v>
      </c>
      <c r="DR121" s="882"/>
      <c r="DS121" s="882"/>
      <c r="DT121" s="882"/>
      <c r="DU121" s="882"/>
      <c r="DV121" s="859">
        <v>8</v>
      </c>
      <c r="DW121" s="859"/>
      <c r="DX121" s="859"/>
      <c r="DY121" s="859"/>
      <c r="DZ121" s="860"/>
    </row>
    <row r="122" spans="1:130" s="226" customFormat="1" ht="26.25" customHeight="1" x14ac:dyDescent="0.2">
      <c r="A122" s="885"/>
      <c r="B122" s="886"/>
      <c r="C122" s="880" t="s">
        <v>451</v>
      </c>
      <c r="D122" s="817"/>
      <c r="E122" s="817"/>
      <c r="F122" s="817"/>
      <c r="G122" s="817"/>
      <c r="H122" s="817"/>
      <c r="I122" s="817"/>
      <c r="J122" s="817"/>
      <c r="K122" s="817"/>
      <c r="L122" s="817"/>
      <c r="M122" s="817"/>
      <c r="N122" s="817"/>
      <c r="O122" s="817"/>
      <c r="P122" s="817"/>
      <c r="Q122" s="817"/>
      <c r="R122" s="817"/>
      <c r="S122" s="817"/>
      <c r="T122" s="817"/>
      <c r="U122" s="817"/>
      <c r="V122" s="817"/>
      <c r="W122" s="817"/>
      <c r="X122" s="817"/>
      <c r="Y122" s="817"/>
      <c r="Z122" s="818"/>
      <c r="AA122" s="844" t="s">
        <v>436</v>
      </c>
      <c r="AB122" s="845"/>
      <c r="AC122" s="845"/>
      <c r="AD122" s="845"/>
      <c r="AE122" s="846"/>
      <c r="AF122" s="847" t="s">
        <v>437</v>
      </c>
      <c r="AG122" s="845"/>
      <c r="AH122" s="845"/>
      <c r="AI122" s="845"/>
      <c r="AJ122" s="846"/>
      <c r="AK122" s="847" t="s">
        <v>436</v>
      </c>
      <c r="AL122" s="845"/>
      <c r="AM122" s="845"/>
      <c r="AN122" s="845"/>
      <c r="AO122" s="846"/>
      <c r="AP122" s="889" t="s">
        <v>436</v>
      </c>
      <c r="AQ122" s="890"/>
      <c r="AR122" s="890"/>
      <c r="AS122" s="890"/>
      <c r="AT122" s="891"/>
      <c r="AU122" s="948"/>
      <c r="AV122" s="949"/>
      <c r="AW122" s="949"/>
      <c r="AX122" s="949"/>
      <c r="AY122" s="950"/>
      <c r="AZ122" s="903" t="s">
        <v>473</v>
      </c>
      <c r="BA122" s="904"/>
      <c r="BB122" s="904"/>
      <c r="BC122" s="904"/>
      <c r="BD122" s="904"/>
      <c r="BE122" s="904"/>
      <c r="BF122" s="904"/>
      <c r="BG122" s="904"/>
      <c r="BH122" s="904"/>
      <c r="BI122" s="904"/>
      <c r="BJ122" s="904"/>
      <c r="BK122" s="904"/>
      <c r="BL122" s="904"/>
      <c r="BM122" s="904"/>
      <c r="BN122" s="904"/>
      <c r="BO122" s="904"/>
      <c r="BP122" s="905"/>
      <c r="BQ122" s="944">
        <v>3592221</v>
      </c>
      <c r="BR122" s="910"/>
      <c r="BS122" s="910"/>
      <c r="BT122" s="910"/>
      <c r="BU122" s="910"/>
      <c r="BV122" s="910">
        <v>3574223</v>
      </c>
      <c r="BW122" s="910"/>
      <c r="BX122" s="910"/>
      <c r="BY122" s="910"/>
      <c r="BZ122" s="910"/>
      <c r="CA122" s="910">
        <v>3532509</v>
      </c>
      <c r="CB122" s="910"/>
      <c r="CC122" s="910"/>
      <c r="CD122" s="910"/>
      <c r="CE122" s="910"/>
      <c r="CF122" s="911">
        <v>161.9</v>
      </c>
      <c r="CG122" s="912"/>
      <c r="CH122" s="912"/>
      <c r="CI122" s="912"/>
      <c r="CJ122" s="912"/>
      <c r="CK122" s="934"/>
      <c r="CL122" s="920"/>
      <c r="CM122" s="920"/>
      <c r="CN122" s="920"/>
      <c r="CO122" s="921"/>
      <c r="CP122" s="900" t="s">
        <v>474</v>
      </c>
      <c r="CQ122" s="901"/>
      <c r="CR122" s="901"/>
      <c r="CS122" s="901"/>
      <c r="CT122" s="901"/>
      <c r="CU122" s="901"/>
      <c r="CV122" s="901"/>
      <c r="CW122" s="901"/>
      <c r="CX122" s="901"/>
      <c r="CY122" s="901"/>
      <c r="CZ122" s="901"/>
      <c r="DA122" s="901"/>
      <c r="DB122" s="901"/>
      <c r="DC122" s="901"/>
      <c r="DD122" s="901"/>
      <c r="DE122" s="901"/>
      <c r="DF122" s="902"/>
      <c r="DG122" s="881" t="s">
        <v>437</v>
      </c>
      <c r="DH122" s="882"/>
      <c r="DI122" s="882"/>
      <c r="DJ122" s="882"/>
      <c r="DK122" s="882"/>
      <c r="DL122" s="882" t="s">
        <v>437</v>
      </c>
      <c r="DM122" s="882"/>
      <c r="DN122" s="882"/>
      <c r="DO122" s="882"/>
      <c r="DP122" s="882"/>
      <c r="DQ122" s="882">
        <v>5885</v>
      </c>
      <c r="DR122" s="882"/>
      <c r="DS122" s="882"/>
      <c r="DT122" s="882"/>
      <c r="DU122" s="882"/>
      <c r="DV122" s="859">
        <v>0.3</v>
      </c>
      <c r="DW122" s="859"/>
      <c r="DX122" s="859"/>
      <c r="DY122" s="859"/>
      <c r="DZ122" s="860"/>
    </row>
    <row r="123" spans="1:130" s="226" customFormat="1" ht="26.25" customHeight="1" x14ac:dyDescent="0.2">
      <c r="A123" s="885"/>
      <c r="B123" s="886"/>
      <c r="C123" s="880" t="s">
        <v>458</v>
      </c>
      <c r="D123" s="817"/>
      <c r="E123" s="817"/>
      <c r="F123" s="817"/>
      <c r="G123" s="817"/>
      <c r="H123" s="817"/>
      <c r="I123" s="817"/>
      <c r="J123" s="817"/>
      <c r="K123" s="817"/>
      <c r="L123" s="817"/>
      <c r="M123" s="817"/>
      <c r="N123" s="817"/>
      <c r="O123" s="817"/>
      <c r="P123" s="817"/>
      <c r="Q123" s="817"/>
      <c r="R123" s="817"/>
      <c r="S123" s="817"/>
      <c r="T123" s="817"/>
      <c r="U123" s="817"/>
      <c r="V123" s="817"/>
      <c r="W123" s="817"/>
      <c r="X123" s="817"/>
      <c r="Y123" s="817"/>
      <c r="Z123" s="818"/>
      <c r="AA123" s="844" t="s">
        <v>437</v>
      </c>
      <c r="AB123" s="845"/>
      <c r="AC123" s="845"/>
      <c r="AD123" s="845"/>
      <c r="AE123" s="846"/>
      <c r="AF123" s="847" t="s">
        <v>437</v>
      </c>
      <c r="AG123" s="845"/>
      <c r="AH123" s="845"/>
      <c r="AI123" s="845"/>
      <c r="AJ123" s="846"/>
      <c r="AK123" s="847" t="s">
        <v>437</v>
      </c>
      <c r="AL123" s="845"/>
      <c r="AM123" s="845"/>
      <c r="AN123" s="845"/>
      <c r="AO123" s="846"/>
      <c r="AP123" s="889" t="s">
        <v>437</v>
      </c>
      <c r="AQ123" s="890"/>
      <c r="AR123" s="890"/>
      <c r="AS123" s="890"/>
      <c r="AT123" s="891"/>
      <c r="AU123" s="951"/>
      <c r="AV123" s="952"/>
      <c r="AW123" s="952"/>
      <c r="AX123" s="952"/>
      <c r="AY123" s="952"/>
      <c r="AZ123" s="247" t="s">
        <v>186</v>
      </c>
      <c r="BA123" s="247"/>
      <c r="BB123" s="247"/>
      <c r="BC123" s="247"/>
      <c r="BD123" s="247"/>
      <c r="BE123" s="247"/>
      <c r="BF123" s="247"/>
      <c r="BG123" s="247"/>
      <c r="BH123" s="247"/>
      <c r="BI123" s="247"/>
      <c r="BJ123" s="247"/>
      <c r="BK123" s="247"/>
      <c r="BL123" s="247"/>
      <c r="BM123" s="247"/>
      <c r="BN123" s="247"/>
      <c r="BO123" s="942" t="s">
        <v>475</v>
      </c>
      <c r="BP123" s="943"/>
      <c r="BQ123" s="897">
        <v>4194799</v>
      </c>
      <c r="BR123" s="898"/>
      <c r="BS123" s="898"/>
      <c r="BT123" s="898"/>
      <c r="BU123" s="898"/>
      <c r="BV123" s="898">
        <v>4126024</v>
      </c>
      <c r="BW123" s="898"/>
      <c r="BX123" s="898"/>
      <c r="BY123" s="898"/>
      <c r="BZ123" s="898"/>
      <c r="CA123" s="898">
        <v>4319358</v>
      </c>
      <c r="CB123" s="898"/>
      <c r="CC123" s="898"/>
      <c r="CD123" s="898"/>
      <c r="CE123" s="898"/>
      <c r="CF123" s="813"/>
      <c r="CG123" s="814"/>
      <c r="CH123" s="814"/>
      <c r="CI123" s="814"/>
      <c r="CJ123" s="899"/>
      <c r="CK123" s="934"/>
      <c r="CL123" s="920"/>
      <c r="CM123" s="920"/>
      <c r="CN123" s="920"/>
      <c r="CO123" s="921"/>
      <c r="CP123" s="900" t="s">
        <v>476</v>
      </c>
      <c r="CQ123" s="901"/>
      <c r="CR123" s="901"/>
      <c r="CS123" s="901"/>
      <c r="CT123" s="901"/>
      <c r="CU123" s="901"/>
      <c r="CV123" s="901"/>
      <c r="CW123" s="901"/>
      <c r="CX123" s="901"/>
      <c r="CY123" s="901"/>
      <c r="CZ123" s="901"/>
      <c r="DA123" s="901"/>
      <c r="DB123" s="901"/>
      <c r="DC123" s="901"/>
      <c r="DD123" s="901"/>
      <c r="DE123" s="901"/>
      <c r="DF123" s="902"/>
      <c r="DG123" s="844" t="s">
        <v>126</v>
      </c>
      <c r="DH123" s="845"/>
      <c r="DI123" s="845"/>
      <c r="DJ123" s="845"/>
      <c r="DK123" s="846"/>
      <c r="DL123" s="847" t="s">
        <v>477</v>
      </c>
      <c r="DM123" s="845"/>
      <c r="DN123" s="845"/>
      <c r="DO123" s="845"/>
      <c r="DP123" s="846"/>
      <c r="DQ123" s="847" t="s">
        <v>478</v>
      </c>
      <c r="DR123" s="845"/>
      <c r="DS123" s="845"/>
      <c r="DT123" s="845"/>
      <c r="DU123" s="846"/>
      <c r="DV123" s="889" t="s">
        <v>126</v>
      </c>
      <c r="DW123" s="890"/>
      <c r="DX123" s="890"/>
      <c r="DY123" s="890"/>
      <c r="DZ123" s="891"/>
    </row>
    <row r="124" spans="1:130" s="226" customFormat="1" ht="26.25" customHeight="1" thickBot="1" x14ac:dyDescent="0.25">
      <c r="A124" s="885"/>
      <c r="B124" s="886"/>
      <c r="C124" s="880" t="s">
        <v>461</v>
      </c>
      <c r="D124" s="817"/>
      <c r="E124" s="817"/>
      <c r="F124" s="817"/>
      <c r="G124" s="817"/>
      <c r="H124" s="817"/>
      <c r="I124" s="817"/>
      <c r="J124" s="817"/>
      <c r="K124" s="817"/>
      <c r="L124" s="817"/>
      <c r="M124" s="817"/>
      <c r="N124" s="817"/>
      <c r="O124" s="817"/>
      <c r="P124" s="817"/>
      <c r="Q124" s="817"/>
      <c r="R124" s="817"/>
      <c r="S124" s="817"/>
      <c r="T124" s="817"/>
      <c r="U124" s="817"/>
      <c r="V124" s="817"/>
      <c r="W124" s="817"/>
      <c r="X124" s="817"/>
      <c r="Y124" s="817"/>
      <c r="Z124" s="818"/>
      <c r="AA124" s="844" t="s">
        <v>479</v>
      </c>
      <c r="AB124" s="845"/>
      <c r="AC124" s="845"/>
      <c r="AD124" s="845"/>
      <c r="AE124" s="846"/>
      <c r="AF124" s="847" t="s">
        <v>126</v>
      </c>
      <c r="AG124" s="845"/>
      <c r="AH124" s="845"/>
      <c r="AI124" s="845"/>
      <c r="AJ124" s="846"/>
      <c r="AK124" s="847" t="s">
        <v>477</v>
      </c>
      <c r="AL124" s="845"/>
      <c r="AM124" s="845"/>
      <c r="AN124" s="845"/>
      <c r="AO124" s="846"/>
      <c r="AP124" s="889" t="s">
        <v>126</v>
      </c>
      <c r="AQ124" s="890"/>
      <c r="AR124" s="890"/>
      <c r="AS124" s="890"/>
      <c r="AT124" s="891"/>
      <c r="AU124" s="892" t="s">
        <v>480</v>
      </c>
      <c r="AV124" s="893"/>
      <c r="AW124" s="893"/>
      <c r="AX124" s="893"/>
      <c r="AY124" s="893"/>
      <c r="AZ124" s="893"/>
      <c r="BA124" s="893"/>
      <c r="BB124" s="893"/>
      <c r="BC124" s="893"/>
      <c r="BD124" s="893"/>
      <c r="BE124" s="893"/>
      <c r="BF124" s="893"/>
      <c r="BG124" s="893"/>
      <c r="BH124" s="893"/>
      <c r="BI124" s="893"/>
      <c r="BJ124" s="893"/>
      <c r="BK124" s="893"/>
      <c r="BL124" s="893"/>
      <c r="BM124" s="893"/>
      <c r="BN124" s="893"/>
      <c r="BO124" s="893"/>
      <c r="BP124" s="894"/>
      <c r="BQ124" s="895">
        <v>152.19999999999999</v>
      </c>
      <c r="BR124" s="896"/>
      <c r="BS124" s="896"/>
      <c r="BT124" s="896"/>
      <c r="BU124" s="896"/>
      <c r="BV124" s="896">
        <v>140.1</v>
      </c>
      <c r="BW124" s="896"/>
      <c r="BX124" s="896"/>
      <c r="BY124" s="896"/>
      <c r="BZ124" s="896"/>
      <c r="CA124" s="896">
        <v>106</v>
      </c>
      <c r="CB124" s="896"/>
      <c r="CC124" s="896"/>
      <c r="CD124" s="896"/>
      <c r="CE124" s="896"/>
      <c r="CF124" s="791"/>
      <c r="CG124" s="792"/>
      <c r="CH124" s="792"/>
      <c r="CI124" s="792"/>
      <c r="CJ124" s="927"/>
      <c r="CK124" s="935"/>
      <c r="CL124" s="935"/>
      <c r="CM124" s="935"/>
      <c r="CN124" s="935"/>
      <c r="CO124" s="936"/>
      <c r="CP124" s="900" t="s">
        <v>481</v>
      </c>
      <c r="CQ124" s="901"/>
      <c r="CR124" s="901"/>
      <c r="CS124" s="901"/>
      <c r="CT124" s="901"/>
      <c r="CU124" s="901"/>
      <c r="CV124" s="901"/>
      <c r="CW124" s="901"/>
      <c r="CX124" s="901"/>
      <c r="CY124" s="901"/>
      <c r="CZ124" s="901"/>
      <c r="DA124" s="901"/>
      <c r="DB124" s="901"/>
      <c r="DC124" s="901"/>
      <c r="DD124" s="901"/>
      <c r="DE124" s="901"/>
      <c r="DF124" s="902"/>
      <c r="DG124" s="828" t="s">
        <v>479</v>
      </c>
      <c r="DH124" s="829"/>
      <c r="DI124" s="829"/>
      <c r="DJ124" s="829"/>
      <c r="DK124" s="830"/>
      <c r="DL124" s="831" t="s">
        <v>126</v>
      </c>
      <c r="DM124" s="829"/>
      <c r="DN124" s="829"/>
      <c r="DO124" s="829"/>
      <c r="DP124" s="830"/>
      <c r="DQ124" s="831" t="s">
        <v>482</v>
      </c>
      <c r="DR124" s="829"/>
      <c r="DS124" s="829"/>
      <c r="DT124" s="829"/>
      <c r="DU124" s="830"/>
      <c r="DV124" s="913" t="s">
        <v>479</v>
      </c>
      <c r="DW124" s="914"/>
      <c r="DX124" s="914"/>
      <c r="DY124" s="914"/>
      <c r="DZ124" s="915"/>
    </row>
    <row r="125" spans="1:130" s="226" customFormat="1" ht="26.25" customHeight="1" x14ac:dyDescent="0.2">
      <c r="A125" s="885"/>
      <c r="B125" s="886"/>
      <c r="C125" s="880" t="s">
        <v>463</v>
      </c>
      <c r="D125" s="817"/>
      <c r="E125" s="817"/>
      <c r="F125" s="817"/>
      <c r="G125" s="817"/>
      <c r="H125" s="817"/>
      <c r="I125" s="817"/>
      <c r="J125" s="817"/>
      <c r="K125" s="817"/>
      <c r="L125" s="817"/>
      <c r="M125" s="817"/>
      <c r="N125" s="817"/>
      <c r="O125" s="817"/>
      <c r="P125" s="817"/>
      <c r="Q125" s="817"/>
      <c r="R125" s="817"/>
      <c r="S125" s="817"/>
      <c r="T125" s="817"/>
      <c r="U125" s="817"/>
      <c r="V125" s="817"/>
      <c r="W125" s="817"/>
      <c r="X125" s="817"/>
      <c r="Y125" s="817"/>
      <c r="Z125" s="818"/>
      <c r="AA125" s="844" t="s">
        <v>479</v>
      </c>
      <c r="AB125" s="845"/>
      <c r="AC125" s="845"/>
      <c r="AD125" s="845"/>
      <c r="AE125" s="846"/>
      <c r="AF125" s="847" t="s">
        <v>126</v>
      </c>
      <c r="AG125" s="845"/>
      <c r="AH125" s="845"/>
      <c r="AI125" s="845"/>
      <c r="AJ125" s="846"/>
      <c r="AK125" s="847" t="s">
        <v>478</v>
      </c>
      <c r="AL125" s="845"/>
      <c r="AM125" s="845"/>
      <c r="AN125" s="845"/>
      <c r="AO125" s="846"/>
      <c r="AP125" s="889" t="s">
        <v>126</v>
      </c>
      <c r="AQ125" s="890"/>
      <c r="AR125" s="890"/>
      <c r="AS125" s="890"/>
      <c r="AT125" s="891"/>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916" t="s">
        <v>483</v>
      </c>
      <c r="CL125" s="917"/>
      <c r="CM125" s="917"/>
      <c r="CN125" s="917"/>
      <c r="CO125" s="918"/>
      <c r="CP125" s="925" t="s">
        <v>484</v>
      </c>
      <c r="CQ125" s="873"/>
      <c r="CR125" s="873"/>
      <c r="CS125" s="873"/>
      <c r="CT125" s="873"/>
      <c r="CU125" s="873"/>
      <c r="CV125" s="873"/>
      <c r="CW125" s="873"/>
      <c r="CX125" s="873"/>
      <c r="CY125" s="873"/>
      <c r="CZ125" s="873"/>
      <c r="DA125" s="873"/>
      <c r="DB125" s="873"/>
      <c r="DC125" s="873"/>
      <c r="DD125" s="873"/>
      <c r="DE125" s="873"/>
      <c r="DF125" s="874"/>
      <c r="DG125" s="926" t="s">
        <v>485</v>
      </c>
      <c r="DH125" s="907"/>
      <c r="DI125" s="907"/>
      <c r="DJ125" s="907"/>
      <c r="DK125" s="907"/>
      <c r="DL125" s="907" t="s">
        <v>126</v>
      </c>
      <c r="DM125" s="907"/>
      <c r="DN125" s="907"/>
      <c r="DO125" s="907"/>
      <c r="DP125" s="907"/>
      <c r="DQ125" s="907" t="s">
        <v>477</v>
      </c>
      <c r="DR125" s="907"/>
      <c r="DS125" s="907"/>
      <c r="DT125" s="907"/>
      <c r="DU125" s="907"/>
      <c r="DV125" s="908" t="s">
        <v>456</v>
      </c>
      <c r="DW125" s="908"/>
      <c r="DX125" s="908"/>
      <c r="DY125" s="908"/>
      <c r="DZ125" s="909"/>
    </row>
    <row r="126" spans="1:130" s="226" customFormat="1" ht="26.25" customHeight="1" thickBot="1" x14ac:dyDescent="0.25">
      <c r="A126" s="885"/>
      <c r="B126" s="886"/>
      <c r="C126" s="880" t="s">
        <v>465</v>
      </c>
      <c r="D126" s="817"/>
      <c r="E126" s="817"/>
      <c r="F126" s="817"/>
      <c r="G126" s="817"/>
      <c r="H126" s="817"/>
      <c r="I126" s="817"/>
      <c r="J126" s="817"/>
      <c r="K126" s="817"/>
      <c r="L126" s="817"/>
      <c r="M126" s="817"/>
      <c r="N126" s="817"/>
      <c r="O126" s="817"/>
      <c r="P126" s="817"/>
      <c r="Q126" s="817"/>
      <c r="R126" s="817"/>
      <c r="S126" s="817"/>
      <c r="T126" s="817"/>
      <c r="U126" s="817"/>
      <c r="V126" s="817"/>
      <c r="W126" s="817"/>
      <c r="X126" s="817"/>
      <c r="Y126" s="817"/>
      <c r="Z126" s="818"/>
      <c r="AA126" s="844" t="s">
        <v>456</v>
      </c>
      <c r="AB126" s="845"/>
      <c r="AC126" s="845"/>
      <c r="AD126" s="845"/>
      <c r="AE126" s="846"/>
      <c r="AF126" s="847" t="s">
        <v>482</v>
      </c>
      <c r="AG126" s="845"/>
      <c r="AH126" s="845"/>
      <c r="AI126" s="845"/>
      <c r="AJ126" s="846"/>
      <c r="AK126" s="847" t="s">
        <v>479</v>
      </c>
      <c r="AL126" s="845"/>
      <c r="AM126" s="845"/>
      <c r="AN126" s="845"/>
      <c r="AO126" s="846"/>
      <c r="AP126" s="889" t="s">
        <v>477</v>
      </c>
      <c r="AQ126" s="890"/>
      <c r="AR126" s="890"/>
      <c r="AS126" s="890"/>
      <c r="AT126" s="891"/>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919"/>
      <c r="CL126" s="920"/>
      <c r="CM126" s="920"/>
      <c r="CN126" s="920"/>
      <c r="CO126" s="921"/>
      <c r="CP126" s="880" t="s">
        <v>486</v>
      </c>
      <c r="CQ126" s="817"/>
      <c r="CR126" s="817"/>
      <c r="CS126" s="817"/>
      <c r="CT126" s="817"/>
      <c r="CU126" s="817"/>
      <c r="CV126" s="817"/>
      <c r="CW126" s="817"/>
      <c r="CX126" s="817"/>
      <c r="CY126" s="817"/>
      <c r="CZ126" s="817"/>
      <c r="DA126" s="817"/>
      <c r="DB126" s="817"/>
      <c r="DC126" s="817"/>
      <c r="DD126" s="817"/>
      <c r="DE126" s="817"/>
      <c r="DF126" s="818"/>
      <c r="DG126" s="881" t="s">
        <v>126</v>
      </c>
      <c r="DH126" s="882"/>
      <c r="DI126" s="882"/>
      <c r="DJ126" s="882"/>
      <c r="DK126" s="882"/>
      <c r="DL126" s="882" t="s">
        <v>482</v>
      </c>
      <c r="DM126" s="882"/>
      <c r="DN126" s="882"/>
      <c r="DO126" s="882"/>
      <c r="DP126" s="882"/>
      <c r="DQ126" s="882" t="s">
        <v>126</v>
      </c>
      <c r="DR126" s="882"/>
      <c r="DS126" s="882"/>
      <c r="DT126" s="882"/>
      <c r="DU126" s="882"/>
      <c r="DV126" s="859" t="s">
        <v>479</v>
      </c>
      <c r="DW126" s="859"/>
      <c r="DX126" s="859"/>
      <c r="DY126" s="859"/>
      <c r="DZ126" s="860"/>
    </row>
    <row r="127" spans="1:130" s="226" customFormat="1" ht="26.25" customHeight="1" x14ac:dyDescent="0.2">
      <c r="A127" s="887"/>
      <c r="B127" s="888"/>
      <c r="C127" s="903" t="s">
        <v>487</v>
      </c>
      <c r="D127" s="904"/>
      <c r="E127" s="904"/>
      <c r="F127" s="904"/>
      <c r="G127" s="904"/>
      <c r="H127" s="904"/>
      <c r="I127" s="904"/>
      <c r="J127" s="904"/>
      <c r="K127" s="904"/>
      <c r="L127" s="904"/>
      <c r="M127" s="904"/>
      <c r="N127" s="904"/>
      <c r="O127" s="904"/>
      <c r="P127" s="904"/>
      <c r="Q127" s="904"/>
      <c r="R127" s="904"/>
      <c r="S127" s="904"/>
      <c r="T127" s="904"/>
      <c r="U127" s="904"/>
      <c r="V127" s="904"/>
      <c r="W127" s="904"/>
      <c r="X127" s="904"/>
      <c r="Y127" s="904"/>
      <c r="Z127" s="905"/>
      <c r="AA127" s="844" t="s">
        <v>477</v>
      </c>
      <c r="AB127" s="845"/>
      <c r="AC127" s="845"/>
      <c r="AD127" s="845"/>
      <c r="AE127" s="846"/>
      <c r="AF127" s="847" t="s">
        <v>126</v>
      </c>
      <c r="AG127" s="845"/>
      <c r="AH127" s="845"/>
      <c r="AI127" s="845"/>
      <c r="AJ127" s="846"/>
      <c r="AK127" s="847" t="s">
        <v>126</v>
      </c>
      <c r="AL127" s="845"/>
      <c r="AM127" s="845"/>
      <c r="AN127" s="845"/>
      <c r="AO127" s="846"/>
      <c r="AP127" s="889" t="s">
        <v>477</v>
      </c>
      <c r="AQ127" s="890"/>
      <c r="AR127" s="890"/>
      <c r="AS127" s="890"/>
      <c r="AT127" s="891"/>
      <c r="AU127" s="228"/>
      <c r="AV127" s="228"/>
      <c r="AW127" s="228"/>
      <c r="AX127" s="906" t="s">
        <v>488</v>
      </c>
      <c r="AY127" s="877"/>
      <c r="AZ127" s="877"/>
      <c r="BA127" s="877"/>
      <c r="BB127" s="877"/>
      <c r="BC127" s="877"/>
      <c r="BD127" s="877"/>
      <c r="BE127" s="878"/>
      <c r="BF127" s="876" t="s">
        <v>489</v>
      </c>
      <c r="BG127" s="877"/>
      <c r="BH127" s="877"/>
      <c r="BI127" s="877"/>
      <c r="BJ127" s="877"/>
      <c r="BK127" s="877"/>
      <c r="BL127" s="878"/>
      <c r="BM127" s="876" t="s">
        <v>490</v>
      </c>
      <c r="BN127" s="877"/>
      <c r="BO127" s="877"/>
      <c r="BP127" s="877"/>
      <c r="BQ127" s="877"/>
      <c r="BR127" s="877"/>
      <c r="BS127" s="878"/>
      <c r="BT127" s="876" t="s">
        <v>491</v>
      </c>
      <c r="BU127" s="877"/>
      <c r="BV127" s="877"/>
      <c r="BW127" s="877"/>
      <c r="BX127" s="877"/>
      <c r="BY127" s="877"/>
      <c r="BZ127" s="879"/>
      <c r="CA127" s="228"/>
      <c r="CB127" s="228"/>
      <c r="CC127" s="228"/>
      <c r="CD127" s="251"/>
      <c r="CE127" s="251"/>
      <c r="CF127" s="251"/>
      <c r="CG127" s="228"/>
      <c r="CH127" s="228"/>
      <c r="CI127" s="228"/>
      <c r="CJ127" s="250"/>
      <c r="CK127" s="919"/>
      <c r="CL127" s="920"/>
      <c r="CM127" s="920"/>
      <c r="CN127" s="920"/>
      <c r="CO127" s="921"/>
      <c r="CP127" s="880" t="s">
        <v>492</v>
      </c>
      <c r="CQ127" s="817"/>
      <c r="CR127" s="817"/>
      <c r="CS127" s="817"/>
      <c r="CT127" s="817"/>
      <c r="CU127" s="817"/>
      <c r="CV127" s="817"/>
      <c r="CW127" s="817"/>
      <c r="CX127" s="817"/>
      <c r="CY127" s="817"/>
      <c r="CZ127" s="817"/>
      <c r="DA127" s="817"/>
      <c r="DB127" s="817"/>
      <c r="DC127" s="817"/>
      <c r="DD127" s="817"/>
      <c r="DE127" s="817"/>
      <c r="DF127" s="818"/>
      <c r="DG127" s="881" t="s">
        <v>493</v>
      </c>
      <c r="DH127" s="882"/>
      <c r="DI127" s="882"/>
      <c r="DJ127" s="882"/>
      <c r="DK127" s="882"/>
      <c r="DL127" s="882" t="s">
        <v>126</v>
      </c>
      <c r="DM127" s="882"/>
      <c r="DN127" s="882"/>
      <c r="DO127" s="882"/>
      <c r="DP127" s="882"/>
      <c r="DQ127" s="882" t="s">
        <v>126</v>
      </c>
      <c r="DR127" s="882"/>
      <c r="DS127" s="882"/>
      <c r="DT127" s="882"/>
      <c r="DU127" s="882"/>
      <c r="DV127" s="859" t="s">
        <v>477</v>
      </c>
      <c r="DW127" s="859"/>
      <c r="DX127" s="859"/>
      <c r="DY127" s="859"/>
      <c r="DZ127" s="860"/>
    </row>
    <row r="128" spans="1:130" s="226" customFormat="1" ht="26.25" customHeight="1" thickBot="1" x14ac:dyDescent="0.25">
      <c r="A128" s="861" t="s">
        <v>494</v>
      </c>
      <c r="B128" s="862"/>
      <c r="C128" s="862"/>
      <c r="D128" s="862"/>
      <c r="E128" s="862"/>
      <c r="F128" s="862"/>
      <c r="G128" s="862"/>
      <c r="H128" s="862"/>
      <c r="I128" s="862"/>
      <c r="J128" s="862"/>
      <c r="K128" s="862"/>
      <c r="L128" s="862"/>
      <c r="M128" s="862"/>
      <c r="N128" s="862"/>
      <c r="O128" s="862"/>
      <c r="P128" s="862"/>
      <c r="Q128" s="862"/>
      <c r="R128" s="862"/>
      <c r="S128" s="862"/>
      <c r="T128" s="862"/>
      <c r="U128" s="862"/>
      <c r="V128" s="862"/>
      <c r="W128" s="863" t="s">
        <v>495</v>
      </c>
      <c r="X128" s="863"/>
      <c r="Y128" s="863"/>
      <c r="Z128" s="864"/>
      <c r="AA128" s="865">
        <v>5586</v>
      </c>
      <c r="AB128" s="866"/>
      <c r="AC128" s="866"/>
      <c r="AD128" s="866"/>
      <c r="AE128" s="867"/>
      <c r="AF128" s="868">
        <v>5268</v>
      </c>
      <c r="AG128" s="866"/>
      <c r="AH128" s="866"/>
      <c r="AI128" s="866"/>
      <c r="AJ128" s="867"/>
      <c r="AK128" s="868">
        <v>5332</v>
      </c>
      <c r="AL128" s="866"/>
      <c r="AM128" s="866"/>
      <c r="AN128" s="866"/>
      <c r="AO128" s="867"/>
      <c r="AP128" s="869"/>
      <c r="AQ128" s="870"/>
      <c r="AR128" s="870"/>
      <c r="AS128" s="870"/>
      <c r="AT128" s="871"/>
      <c r="AU128" s="228"/>
      <c r="AV128" s="228"/>
      <c r="AW128" s="228"/>
      <c r="AX128" s="872" t="s">
        <v>496</v>
      </c>
      <c r="AY128" s="873"/>
      <c r="AZ128" s="873"/>
      <c r="BA128" s="873"/>
      <c r="BB128" s="873"/>
      <c r="BC128" s="873"/>
      <c r="BD128" s="873"/>
      <c r="BE128" s="874"/>
      <c r="BF128" s="851" t="s">
        <v>126</v>
      </c>
      <c r="BG128" s="852"/>
      <c r="BH128" s="852"/>
      <c r="BI128" s="852"/>
      <c r="BJ128" s="852"/>
      <c r="BK128" s="852"/>
      <c r="BL128" s="875"/>
      <c r="BM128" s="851">
        <v>15</v>
      </c>
      <c r="BN128" s="852"/>
      <c r="BO128" s="852"/>
      <c r="BP128" s="852"/>
      <c r="BQ128" s="852"/>
      <c r="BR128" s="852"/>
      <c r="BS128" s="875"/>
      <c r="BT128" s="851">
        <v>20</v>
      </c>
      <c r="BU128" s="852"/>
      <c r="BV128" s="852"/>
      <c r="BW128" s="852"/>
      <c r="BX128" s="852"/>
      <c r="BY128" s="852"/>
      <c r="BZ128" s="853"/>
      <c r="CA128" s="251"/>
      <c r="CB128" s="251"/>
      <c r="CC128" s="251"/>
      <c r="CD128" s="251"/>
      <c r="CE128" s="251"/>
      <c r="CF128" s="251"/>
      <c r="CG128" s="228"/>
      <c r="CH128" s="228"/>
      <c r="CI128" s="228"/>
      <c r="CJ128" s="250"/>
      <c r="CK128" s="922"/>
      <c r="CL128" s="923"/>
      <c r="CM128" s="923"/>
      <c r="CN128" s="923"/>
      <c r="CO128" s="924"/>
      <c r="CP128" s="854" t="s">
        <v>497</v>
      </c>
      <c r="CQ128" s="795"/>
      <c r="CR128" s="795"/>
      <c r="CS128" s="795"/>
      <c r="CT128" s="795"/>
      <c r="CU128" s="795"/>
      <c r="CV128" s="795"/>
      <c r="CW128" s="795"/>
      <c r="CX128" s="795"/>
      <c r="CY128" s="795"/>
      <c r="CZ128" s="795"/>
      <c r="DA128" s="795"/>
      <c r="DB128" s="795"/>
      <c r="DC128" s="795"/>
      <c r="DD128" s="795"/>
      <c r="DE128" s="795"/>
      <c r="DF128" s="796"/>
      <c r="DG128" s="855" t="s">
        <v>485</v>
      </c>
      <c r="DH128" s="856"/>
      <c r="DI128" s="856"/>
      <c r="DJ128" s="856"/>
      <c r="DK128" s="856"/>
      <c r="DL128" s="856" t="s">
        <v>477</v>
      </c>
      <c r="DM128" s="856"/>
      <c r="DN128" s="856"/>
      <c r="DO128" s="856"/>
      <c r="DP128" s="856"/>
      <c r="DQ128" s="856" t="s">
        <v>482</v>
      </c>
      <c r="DR128" s="856"/>
      <c r="DS128" s="856"/>
      <c r="DT128" s="856"/>
      <c r="DU128" s="856"/>
      <c r="DV128" s="857" t="s">
        <v>456</v>
      </c>
      <c r="DW128" s="857"/>
      <c r="DX128" s="857"/>
      <c r="DY128" s="857"/>
      <c r="DZ128" s="858"/>
    </row>
    <row r="129" spans="1:131" s="226" customFormat="1" ht="26.25" customHeight="1" x14ac:dyDescent="0.2">
      <c r="A129" s="839" t="s">
        <v>106</v>
      </c>
      <c r="B129" s="840"/>
      <c r="C129" s="840"/>
      <c r="D129" s="840"/>
      <c r="E129" s="840"/>
      <c r="F129" s="840"/>
      <c r="G129" s="840"/>
      <c r="H129" s="840"/>
      <c r="I129" s="840"/>
      <c r="J129" s="840"/>
      <c r="K129" s="840"/>
      <c r="L129" s="840"/>
      <c r="M129" s="840"/>
      <c r="N129" s="840"/>
      <c r="O129" s="840"/>
      <c r="P129" s="840"/>
      <c r="Q129" s="840"/>
      <c r="R129" s="840"/>
      <c r="S129" s="840"/>
      <c r="T129" s="840"/>
      <c r="U129" s="840"/>
      <c r="V129" s="840"/>
      <c r="W129" s="841" t="s">
        <v>498</v>
      </c>
      <c r="X129" s="842"/>
      <c r="Y129" s="842"/>
      <c r="Z129" s="843"/>
      <c r="AA129" s="844">
        <v>2146767</v>
      </c>
      <c r="AB129" s="845"/>
      <c r="AC129" s="845"/>
      <c r="AD129" s="845"/>
      <c r="AE129" s="846"/>
      <c r="AF129" s="847">
        <v>2289017</v>
      </c>
      <c r="AG129" s="845"/>
      <c r="AH129" s="845"/>
      <c r="AI129" s="845"/>
      <c r="AJ129" s="846"/>
      <c r="AK129" s="847">
        <v>2501157</v>
      </c>
      <c r="AL129" s="845"/>
      <c r="AM129" s="845"/>
      <c r="AN129" s="845"/>
      <c r="AO129" s="846"/>
      <c r="AP129" s="848"/>
      <c r="AQ129" s="849"/>
      <c r="AR129" s="849"/>
      <c r="AS129" s="849"/>
      <c r="AT129" s="850"/>
      <c r="AU129" s="229"/>
      <c r="AV129" s="229"/>
      <c r="AW129" s="229"/>
      <c r="AX129" s="816" t="s">
        <v>499</v>
      </c>
      <c r="AY129" s="817"/>
      <c r="AZ129" s="817"/>
      <c r="BA129" s="817"/>
      <c r="BB129" s="817"/>
      <c r="BC129" s="817"/>
      <c r="BD129" s="817"/>
      <c r="BE129" s="818"/>
      <c r="BF129" s="835" t="s">
        <v>126</v>
      </c>
      <c r="BG129" s="836"/>
      <c r="BH129" s="836"/>
      <c r="BI129" s="836"/>
      <c r="BJ129" s="836"/>
      <c r="BK129" s="836"/>
      <c r="BL129" s="837"/>
      <c r="BM129" s="835">
        <v>20</v>
      </c>
      <c r="BN129" s="836"/>
      <c r="BO129" s="836"/>
      <c r="BP129" s="836"/>
      <c r="BQ129" s="836"/>
      <c r="BR129" s="836"/>
      <c r="BS129" s="837"/>
      <c r="BT129" s="835">
        <v>30</v>
      </c>
      <c r="BU129" s="836"/>
      <c r="BV129" s="836"/>
      <c r="BW129" s="836"/>
      <c r="BX129" s="836"/>
      <c r="BY129" s="836"/>
      <c r="BZ129" s="838"/>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39" t="s">
        <v>500</v>
      </c>
      <c r="B130" s="840"/>
      <c r="C130" s="840"/>
      <c r="D130" s="840"/>
      <c r="E130" s="840"/>
      <c r="F130" s="840"/>
      <c r="G130" s="840"/>
      <c r="H130" s="840"/>
      <c r="I130" s="840"/>
      <c r="J130" s="840"/>
      <c r="K130" s="840"/>
      <c r="L130" s="840"/>
      <c r="M130" s="840"/>
      <c r="N130" s="840"/>
      <c r="O130" s="840"/>
      <c r="P130" s="840"/>
      <c r="Q130" s="840"/>
      <c r="R130" s="840"/>
      <c r="S130" s="840"/>
      <c r="T130" s="840"/>
      <c r="U130" s="840"/>
      <c r="V130" s="840"/>
      <c r="W130" s="841" t="s">
        <v>501</v>
      </c>
      <c r="X130" s="842"/>
      <c r="Y130" s="842"/>
      <c r="Z130" s="843"/>
      <c r="AA130" s="844">
        <v>277459</v>
      </c>
      <c r="AB130" s="845"/>
      <c r="AC130" s="845"/>
      <c r="AD130" s="845"/>
      <c r="AE130" s="846"/>
      <c r="AF130" s="847">
        <v>306037</v>
      </c>
      <c r="AG130" s="845"/>
      <c r="AH130" s="845"/>
      <c r="AI130" s="845"/>
      <c r="AJ130" s="846"/>
      <c r="AK130" s="847">
        <v>319221</v>
      </c>
      <c r="AL130" s="845"/>
      <c r="AM130" s="845"/>
      <c r="AN130" s="845"/>
      <c r="AO130" s="846"/>
      <c r="AP130" s="848"/>
      <c r="AQ130" s="849"/>
      <c r="AR130" s="849"/>
      <c r="AS130" s="849"/>
      <c r="AT130" s="850"/>
      <c r="AU130" s="229"/>
      <c r="AV130" s="229"/>
      <c r="AW130" s="229"/>
      <c r="AX130" s="816" t="s">
        <v>502</v>
      </c>
      <c r="AY130" s="817"/>
      <c r="AZ130" s="817"/>
      <c r="BA130" s="817"/>
      <c r="BB130" s="817"/>
      <c r="BC130" s="817"/>
      <c r="BD130" s="817"/>
      <c r="BE130" s="818"/>
      <c r="BF130" s="819">
        <v>12</v>
      </c>
      <c r="BG130" s="820"/>
      <c r="BH130" s="820"/>
      <c r="BI130" s="820"/>
      <c r="BJ130" s="820"/>
      <c r="BK130" s="820"/>
      <c r="BL130" s="821"/>
      <c r="BM130" s="819">
        <v>25</v>
      </c>
      <c r="BN130" s="820"/>
      <c r="BO130" s="820"/>
      <c r="BP130" s="820"/>
      <c r="BQ130" s="820"/>
      <c r="BR130" s="820"/>
      <c r="BS130" s="821"/>
      <c r="BT130" s="819">
        <v>35</v>
      </c>
      <c r="BU130" s="820"/>
      <c r="BV130" s="820"/>
      <c r="BW130" s="820"/>
      <c r="BX130" s="820"/>
      <c r="BY130" s="820"/>
      <c r="BZ130" s="822"/>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823"/>
      <c r="B131" s="824"/>
      <c r="C131" s="824"/>
      <c r="D131" s="824"/>
      <c r="E131" s="824"/>
      <c r="F131" s="824"/>
      <c r="G131" s="824"/>
      <c r="H131" s="824"/>
      <c r="I131" s="824"/>
      <c r="J131" s="824"/>
      <c r="K131" s="824"/>
      <c r="L131" s="824"/>
      <c r="M131" s="824"/>
      <c r="N131" s="824"/>
      <c r="O131" s="824"/>
      <c r="P131" s="824"/>
      <c r="Q131" s="824"/>
      <c r="R131" s="824"/>
      <c r="S131" s="824"/>
      <c r="T131" s="824"/>
      <c r="U131" s="824"/>
      <c r="V131" s="824"/>
      <c r="W131" s="825" t="s">
        <v>503</v>
      </c>
      <c r="X131" s="826"/>
      <c r="Y131" s="826"/>
      <c r="Z131" s="827"/>
      <c r="AA131" s="828">
        <v>1869308</v>
      </c>
      <c r="AB131" s="829"/>
      <c r="AC131" s="829"/>
      <c r="AD131" s="829"/>
      <c r="AE131" s="830"/>
      <c r="AF131" s="831">
        <v>1982980</v>
      </c>
      <c r="AG131" s="829"/>
      <c r="AH131" s="829"/>
      <c r="AI131" s="829"/>
      <c r="AJ131" s="830"/>
      <c r="AK131" s="831">
        <v>2181936</v>
      </c>
      <c r="AL131" s="829"/>
      <c r="AM131" s="829"/>
      <c r="AN131" s="829"/>
      <c r="AO131" s="830"/>
      <c r="AP131" s="832"/>
      <c r="AQ131" s="833"/>
      <c r="AR131" s="833"/>
      <c r="AS131" s="833"/>
      <c r="AT131" s="834"/>
      <c r="AU131" s="229"/>
      <c r="AV131" s="229"/>
      <c r="AW131" s="229"/>
      <c r="AX131" s="794" t="s">
        <v>504</v>
      </c>
      <c r="AY131" s="795"/>
      <c r="AZ131" s="795"/>
      <c r="BA131" s="795"/>
      <c r="BB131" s="795"/>
      <c r="BC131" s="795"/>
      <c r="BD131" s="795"/>
      <c r="BE131" s="796"/>
      <c r="BF131" s="797">
        <v>106</v>
      </c>
      <c r="BG131" s="798"/>
      <c r="BH131" s="798"/>
      <c r="BI131" s="798"/>
      <c r="BJ131" s="798"/>
      <c r="BK131" s="798"/>
      <c r="BL131" s="799"/>
      <c r="BM131" s="797">
        <v>350</v>
      </c>
      <c r="BN131" s="798"/>
      <c r="BO131" s="798"/>
      <c r="BP131" s="798"/>
      <c r="BQ131" s="798"/>
      <c r="BR131" s="798"/>
      <c r="BS131" s="799"/>
      <c r="BT131" s="800"/>
      <c r="BU131" s="801"/>
      <c r="BV131" s="801"/>
      <c r="BW131" s="801"/>
      <c r="BX131" s="801"/>
      <c r="BY131" s="801"/>
      <c r="BZ131" s="802"/>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803" t="s">
        <v>505</v>
      </c>
      <c r="B132" s="804"/>
      <c r="C132" s="804"/>
      <c r="D132" s="804"/>
      <c r="E132" s="804"/>
      <c r="F132" s="804"/>
      <c r="G132" s="804"/>
      <c r="H132" s="804"/>
      <c r="I132" s="804"/>
      <c r="J132" s="804"/>
      <c r="K132" s="804"/>
      <c r="L132" s="804"/>
      <c r="M132" s="804"/>
      <c r="N132" s="804"/>
      <c r="O132" s="804"/>
      <c r="P132" s="804"/>
      <c r="Q132" s="804"/>
      <c r="R132" s="804"/>
      <c r="S132" s="804"/>
      <c r="T132" s="804"/>
      <c r="U132" s="804"/>
      <c r="V132" s="807" t="s">
        <v>506</v>
      </c>
      <c r="W132" s="807"/>
      <c r="X132" s="807"/>
      <c r="Y132" s="807"/>
      <c r="Z132" s="808"/>
      <c r="AA132" s="809">
        <v>11.592364659999999</v>
      </c>
      <c r="AB132" s="810"/>
      <c r="AC132" s="810"/>
      <c r="AD132" s="810"/>
      <c r="AE132" s="811"/>
      <c r="AF132" s="812">
        <v>12.59422687</v>
      </c>
      <c r="AG132" s="810"/>
      <c r="AH132" s="810"/>
      <c r="AI132" s="810"/>
      <c r="AJ132" s="811"/>
      <c r="AK132" s="812">
        <v>12.06318609</v>
      </c>
      <c r="AL132" s="810"/>
      <c r="AM132" s="810"/>
      <c r="AN132" s="810"/>
      <c r="AO132" s="811"/>
      <c r="AP132" s="813"/>
      <c r="AQ132" s="814"/>
      <c r="AR132" s="814"/>
      <c r="AS132" s="814"/>
      <c r="AT132" s="81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805"/>
      <c r="B133" s="806"/>
      <c r="C133" s="806"/>
      <c r="D133" s="806"/>
      <c r="E133" s="806"/>
      <c r="F133" s="806"/>
      <c r="G133" s="806"/>
      <c r="H133" s="806"/>
      <c r="I133" s="806"/>
      <c r="J133" s="806"/>
      <c r="K133" s="806"/>
      <c r="L133" s="806"/>
      <c r="M133" s="806"/>
      <c r="N133" s="806"/>
      <c r="O133" s="806"/>
      <c r="P133" s="806"/>
      <c r="Q133" s="806"/>
      <c r="R133" s="806"/>
      <c r="S133" s="806"/>
      <c r="T133" s="806"/>
      <c r="U133" s="806"/>
      <c r="V133" s="786" t="s">
        <v>507</v>
      </c>
      <c r="W133" s="786"/>
      <c r="X133" s="786"/>
      <c r="Y133" s="786"/>
      <c r="Z133" s="787"/>
      <c r="AA133" s="788">
        <v>11.1</v>
      </c>
      <c r="AB133" s="789"/>
      <c r="AC133" s="789"/>
      <c r="AD133" s="789"/>
      <c r="AE133" s="790"/>
      <c r="AF133" s="788">
        <v>11.9</v>
      </c>
      <c r="AG133" s="789"/>
      <c r="AH133" s="789"/>
      <c r="AI133" s="789"/>
      <c r="AJ133" s="790"/>
      <c r="AK133" s="788">
        <v>12</v>
      </c>
      <c r="AL133" s="789"/>
      <c r="AM133" s="789"/>
      <c r="AN133" s="789"/>
      <c r="AO133" s="790"/>
      <c r="AP133" s="791"/>
      <c r="AQ133" s="792"/>
      <c r="AR133" s="792"/>
      <c r="AS133" s="792"/>
      <c r="AT133" s="793"/>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9szK2Dnfpl0tOkh6sBAMlb/7/WQBUJzm0Jyna01S2sYluX0cIWMPnbjk1pG7QF9fJysMEmmajTSByMGtTzDmbg==" saltValue="cb7Ct3DRA95JrfCb9H5Im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08</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Z7YghydM8dZz+ucFeNhLDqhOFdun967rF1uwZTpe2l40vOVEXbMTsNdYvJX9OkkH7fnYy7z1o7S+jkxa9BqsbQ==" saltValue="ABqQ2dba+tinXIbem5q0fA=="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QTEguYy7QZp9ZEkSG2SGs6lBv/dCXHhv7x1vA/Ws4Qzkh3YxP8N0zvPqgyBYU6emyTRedDRpP/lin2c1s7U5xw==" saltValue="5iVk4XMVcZMmhMjdlbk5oA=="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09</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0</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3" t="s">
        <v>511</v>
      </c>
      <c r="AP7" s="268"/>
      <c r="AQ7" s="269" t="s">
        <v>512</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4"/>
      <c r="AP8" s="274" t="s">
        <v>513</v>
      </c>
      <c r="AQ8" s="275" t="s">
        <v>514</v>
      </c>
      <c r="AR8" s="276" t="s">
        <v>515</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95" t="s">
        <v>516</v>
      </c>
      <c r="AL9" s="1196"/>
      <c r="AM9" s="1196"/>
      <c r="AN9" s="1197"/>
      <c r="AO9" s="277">
        <v>747401</v>
      </c>
      <c r="AP9" s="277">
        <v>107016</v>
      </c>
      <c r="AQ9" s="278">
        <v>138005</v>
      </c>
      <c r="AR9" s="279">
        <v>-22.5</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95" t="s">
        <v>517</v>
      </c>
      <c r="AL10" s="1196"/>
      <c r="AM10" s="1196"/>
      <c r="AN10" s="1197"/>
      <c r="AO10" s="280">
        <v>6991</v>
      </c>
      <c r="AP10" s="280">
        <v>1001</v>
      </c>
      <c r="AQ10" s="281">
        <v>18944</v>
      </c>
      <c r="AR10" s="282">
        <v>-94.7</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95" t="s">
        <v>518</v>
      </c>
      <c r="AL11" s="1196"/>
      <c r="AM11" s="1196"/>
      <c r="AN11" s="1197"/>
      <c r="AO11" s="280" t="s">
        <v>519</v>
      </c>
      <c r="AP11" s="280" t="s">
        <v>519</v>
      </c>
      <c r="AQ11" s="281">
        <v>1141</v>
      </c>
      <c r="AR11" s="282" t="s">
        <v>519</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95" t="s">
        <v>520</v>
      </c>
      <c r="AL12" s="1196"/>
      <c r="AM12" s="1196"/>
      <c r="AN12" s="1197"/>
      <c r="AO12" s="280" t="s">
        <v>519</v>
      </c>
      <c r="AP12" s="280" t="s">
        <v>519</v>
      </c>
      <c r="AQ12" s="281" t="s">
        <v>519</v>
      </c>
      <c r="AR12" s="282" t="s">
        <v>519</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95" t="s">
        <v>521</v>
      </c>
      <c r="AL13" s="1196"/>
      <c r="AM13" s="1196"/>
      <c r="AN13" s="1197"/>
      <c r="AO13" s="280">
        <v>52648</v>
      </c>
      <c r="AP13" s="280">
        <v>7538</v>
      </c>
      <c r="AQ13" s="281">
        <v>5446</v>
      </c>
      <c r="AR13" s="282">
        <v>38.4</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95" t="s">
        <v>522</v>
      </c>
      <c r="AL14" s="1196"/>
      <c r="AM14" s="1196"/>
      <c r="AN14" s="1197"/>
      <c r="AO14" s="280">
        <v>6049</v>
      </c>
      <c r="AP14" s="280">
        <v>866</v>
      </c>
      <c r="AQ14" s="281">
        <v>2970</v>
      </c>
      <c r="AR14" s="282">
        <v>-70.8</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98" t="s">
        <v>523</v>
      </c>
      <c r="AL15" s="1199"/>
      <c r="AM15" s="1199"/>
      <c r="AN15" s="1200"/>
      <c r="AO15" s="280">
        <v>-52350</v>
      </c>
      <c r="AP15" s="280">
        <v>-7496</v>
      </c>
      <c r="AQ15" s="281">
        <v>-11906</v>
      </c>
      <c r="AR15" s="282">
        <v>-37</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98" t="s">
        <v>186</v>
      </c>
      <c r="AL16" s="1199"/>
      <c r="AM16" s="1199"/>
      <c r="AN16" s="1200"/>
      <c r="AO16" s="280">
        <v>760739</v>
      </c>
      <c r="AP16" s="280">
        <v>108926</v>
      </c>
      <c r="AQ16" s="281">
        <v>154600</v>
      </c>
      <c r="AR16" s="282">
        <v>-29.5</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4</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5</v>
      </c>
      <c r="AP20" s="289" t="s">
        <v>526</v>
      </c>
      <c r="AQ20" s="290" t="s">
        <v>527</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201" t="s">
        <v>528</v>
      </c>
      <c r="AL21" s="1202"/>
      <c r="AM21" s="1202"/>
      <c r="AN21" s="1203"/>
      <c r="AO21" s="293">
        <v>12.03</v>
      </c>
      <c r="AP21" s="294">
        <v>13.81</v>
      </c>
      <c r="AQ21" s="295">
        <v>-1.78</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201" t="s">
        <v>529</v>
      </c>
      <c r="AL22" s="1202"/>
      <c r="AM22" s="1202"/>
      <c r="AN22" s="1203"/>
      <c r="AO22" s="298">
        <v>92.9</v>
      </c>
      <c r="AP22" s="299">
        <v>95.5</v>
      </c>
      <c r="AQ22" s="300">
        <v>-2.6</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94" t="s">
        <v>530</v>
      </c>
      <c r="B26" s="1194"/>
      <c r="C26" s="1194"/>
      <c r="D26" s="1194"/>
      <c r="E26" s="1194"/>
      <c r="F26" s="1194"/>
      <c r="G26" s="1194"/>
      <c r="H26" s="1194"/>
      <c r="I26" s="1194"/>
      <c r="J26" s="1194"/>
      <c r="K26" s="1194"/>
      <c r="L26" s="1194"/>
      <c r="M26" s="1194"/>
      <c r="N26" s="1194"/>
      <c r="O26" s="1194"/>
      <c r="P26" s="1194"/>
      <c r="Q26" s="1194"/>
      <c r="R26" s="1194"/>
      <c r="S26" s="1194"/>
      <c r="T26" s="1194"/>
      <c r="U26" s="1194"/>
      <c r="V26" s="1194"/>
      <c r="W26" s="1194"/>
      <c r="X26" s="1194"/>
      <c r="Y26" s="1194"/>
      <c r="Z26" s="1194"/>
      <c r="AA26" s="1194"/>
      <c r="AB26" s="1194"/>
      <c r="AC26" s="1194"/>
      <c r="AD26" s="1194"/>
      <c r="AE26" s="1194"/>
      <c r="AF26" s="1194"/>
      <c r="AG26" s="1194"/>
      <c r="AH26" s="1194"/>
      <c r="AI26" s="1194"/>
      <c r="AJ26" s="1194"/>
      <c r="AK26" s="1194"/>
      <c r="AL26" s="1194"/>
      <c r="AM26" s="1194"/>
      <c r="AN26" s="1194"/>
      <c r="AO26" s="1194"/>
      <c r="AP26" s="1194"/>
      <c r="AQ26" s="1194"/>
      <c r="AR26" s="1194"/>
      <c r="AS26" s="1194"/>
      <c r="AT26" s="263"/>
    </row>
    <row r="27" spans="1:46" ht="13.2" x14ac:dyDescent="0.2">
      <c r="A27" s="305"/>
      <c r="AO27" s="258"/>
      <c r="AP27" s="258"/>
      <c r="AQ27" s="258"/>
      <c r="AR27" s="258"/>
      <c r="AS27" s="258"/>
      <c r="AT27" s="258"/>
    </row>
    <row r="28" spans="1:46" ht="16.2" x14ac:dyDescent="0.2">
      <c r="A28" s="259" t="s">
        <v>531</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2</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3" t="s">
        <v>511</v>
      </c>
      <c r="AP30" s="268"/>
      <c r="AQ30" s="269" t="s">
        <v>512</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4"/>
      <c r="AP31" s="274" t="s">
        <v>513</v>
      </c>
      <c r="AQ31" s="275" t="s">
        <v>514</v>
      </c>
      <c r="AR31" s="276" t="s">
        <v>515</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85" t="s">
        <v>533</v>
      </c>
      <c r="AL32" s="1186"/>
      <c r="AM32" s="1186"/>
      <c r="AN32" s="1187"/>
      <c r="AO32" s="308">
        <v>385443</v>
      </c>
      <c r="AP32" s="308">
        <v>55189</v>
      </c>
      <c r="AQ32" s="309">
        <v>81359</v>
      </c>
      <c r="AR32" s="310">
        <v>-32.200000000000003</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85" t="s">
        <v>534</v>
      </c>
      <c r="AL33" s="1186"/>
      <c r="AM33" s="1186"/>
      <c r="AN33" s="1187"/>
      <c r="AO33" s="308" t="s">
        <v>519</v>
      </c>
      <c r="AP33" s="308" t="s">
        <v>519</v>
      </c>
      <c r="AQ33" s="309" t="s">
        <v>519</v>
      </c>
      <c r="AR33" s="310" t="s">
        <v>519</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85" t="s">
        <v>535</v>
      </c>
      <c r="AL34" s="1186"/>
      <c r="AM34" s="1186"/>
      <c r="AN34" s="1187"/>
      <c r="AO34" s="308" t="s">
        <v>519</v>
      </c>
      <c r="AP34" s="308" t="s">
        <v>519</v>
      </c>
      <c r="AQ34" s="309" t="s">
        <v>519</v>
      </c>
      <c r="AR34" s="310" t="s">
        <v>519</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85" t="s">
        <v>536</v>
      </c>
      <c r="AL35" s="1186"/>
      <c r="AM35" s="1186"/>
      <c r="AN35" s="1187"/>
      <c r="AO35" s="308">
        <v>97742</v>
      </c>
      <c r="AP35" s="308">
        <v>13995</v>
      </c>
      <c r="AQ35" s="309">
        <v>18647</v>
      </c>
      <c r="AR35" s="310">
        <v>-24.9</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85" t="s">
        <v>537</v>
      </c>
      <c r="AL36" s="1186"/>
      <c r="AM36" s="1186"/>
      <c r="AN36" s="1187"/>
      <c r="AO36" s="308">
        <v>104579</v>
      </c>
      <c r="AP36" s="308">
        <v>14974</v>
      </c>
      <c r="AQ36" s="309">
        <v>4480</v>
      </c>
      <c r="AR36" s="310">
        <v>234.2</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85" t="s">
        <v>538</v>
      </c>
      <c r="AL37" s="1186"/>
      <c r="AM37" s="1186"/>
      <c r="AN37" s="1187"/>
      <c r="AO37" s="308" t="s">
        <v>519</v>
      </c>
      <c r="AP37" s="308" t="s">
        <v>519</v>
      </c>
      <c r="AQ37" s="309">
        <v>815</v>
      </c>
      <c r="AR37" s="310" t="s">
        <v>519</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88" t="s">
        <v>539</v>
      </c>
      <c r="AL38" s="1189"/>
      <c r="AM38" s="1189"/>
      <c r="AN38" s="1190"/>
      <c r="AO38" s="311" t="s">
        <v>519</v>
      </c>
      <c r="AP38" s="311" t="s">
        <v>519</v>
      </c>
      <c r="AQ38" s="312">
        <v>14</v>
      </c>
      <c r="AR38" s="300" t="s">
        <v>519</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88" t="s">
        <v>540</v>
      </c>
      <c r="AL39" s="1189"/>
      <c r="AM39" s="1189"/>
      <c r="AN39" s="1190"/>
      <c r="AO39" s="308">
        <v>-5332</v>
      </c>
      <c r="AP39" s="308">
        <v>-763</v>
      </c>
      <c r="AQ39" s="309">
        <v>-4008</v>
      </c>
      <c r="AR39" s="310">
        <v>-81</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85" t="s">
        <v>541</v>
      </c>
      <c r="AL40" s="1186"/>
      <c r="AM40" s="1186"/>
      <c r="AN40" s="1187"/>
      <c r="AO40" s="308">
        <v>-319221</v>
      </c>
      <c r="AP40" s="308">
        <v>-45707</v>
      </c>
      <c r="AQ40" s="309">
        <v>-68941</v>
      </c>
      <c r="AR40" s="310">
        <v>-33.700000000000003</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91" t="s">
        <v>295</v>
      </c>
      <c r="AL41" s="1192"/>
      <c r="AM41" s="1192"/>
      <c r="AN41" s="1193"/>
      <c r="AO41" s="308">
        <v>263211</v>
      </c>
      <c r="AP41" s="308">
        <v>37688</v>
      </c>
      <c r="AQ41" s="309">
        <v>32367</v>
      </c>
      <c r="AR41" s="310">
        <v>16.399999999999999</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2</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3</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4</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78" t="s">
        <v>511</v>
      </c>
      <c r="AN49" s="1180" t="s">
        <v>545</v>
      </c>
      <c r="AO49" s="1181"/>
      <c r="AP49" s="1181"/>
      <c r="AQ49" s="1181"/>
      <c r="AR49" s="1182"/>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79"/>
      <c r="AN50" s="324" t="s">
        <v>546</v>
      </c>
      <c r="AO50" s="325" t="s">
        <v>547</v>
      </c>
      <c r="AP50" s="326" t="s">
        <v>548</v>
      </c>
      <c r="AQ50" s="327" t="s">
        <v>549</v>
      </c>
      <c r="AR50" s="328" t="s">
        <v>550</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1</v>
      </c>
      <c r="AL51" s="321"/>
      <c r="AM51" s="329">
        <v>88684</v>
      </c>
      <c r="AN51" s="330">
        <v>11893</v>
      </c>
      <c r="AO51" s="331">
        <v>-71.3</v>
      </c>
      <c r="AP51" s="332">
        <v>116162</v>
      </c>
      <c r="AQ51" s="333">
        <v>-3.1</v>
      </c>
      <c r="AR51" s="334">
        <v>-68.2</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2</v>
      </c>
      <c r="AM52" s="337">
        <v>48262</v>
      </c>
      <c r="AN52" s="338">
        <v>6472</v>
      </c>
      <c r="AO52" s="339">
        <v>-54.3</v>
      </c>
      <c r="AP52" s="340">
        <v>61562</v>
      </c>
      <c r="AQ52" s="341">
        <v>-7.4</v>
      </c>
      <c r="AR52" s="342">
        <v>-46.9</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3</v>
      </c>
      <c r="AL53" s="321"/>
      <c r="AM53" s="329">
        <v>154330</v>
      </c>
      <c r="AN53" s="330">
        <v>21043</v>
      </c>
      <c r="AO53" s="331">
        <v>76.900000000000006</v>
      </c>
      <c r="AP53" s="332">
        <v>121449</v>
      </c>
      <c r="AQ53" s="333">
        <v>4.5999999999999996</v>
      </c>
      <c r="AR53" s="334">
        <v>72.3</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2</v>
      </c>
      <c r="AM54" s="337">
        <v>126232</v>
      </c>
      <c r="AN54" s="338">
        <v>17212</v>
      </c>
      <c r="AO54" s="339">
        <v>165.9</v>
      </c>
      <c r="AP54" s="340">
        <v>62922</v>
      </c>
      <c r="AQ54" s="341">
        <v>2.2000000000000002</v>
      </c>
      <c r="AR54" s="342">
        <v>163.69999999999999</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4</v>
      </c>
      <c r="AL55" s="321"/>
      <c r="AM55" s="329">
        <v>705825</v>
      </c>
      <c r="AN55" s="330">
        <v>97977</v>
      </c>
      <c r="AO55" s="331">
        <v>365.6</v>
      </c>
      <c r="AP55" s="332">
        <v>145139</v>
      </c>
      <c r="AQ55" s="333">
        <v>19.5</v>
      </c>
      <c r="AR55" s="334">
        <v>346.1</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2</v>
      </c>
      <c r="AM56" s="337">
        <v>663859</v>
      </c>
      <c r="AN56" s="338">
        <v>92151</v>
      </c>
      <c r="AO56" s="339">
        <v>435.4</v>
      </c>
      <c r="AP56" s="340">
        <v>83762</v>
      </c>
      <c r="AQ56" s="341">
        <v>33.1</v>
      </c>
      <c r="AR56" s="342">
        <v>402.3</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5</v>
      </c>
      <c r="AL57" s="321"/>
      <c r="AM57" s="329">
        <v>424716</v>
      </c>
      <c r="AN57" s="330">
        <v>59693</v>
      </c>
      <c r="AO57" s="331">
        <v>-39.1</v>
      </c>
      <c r="AP57" s="332">
        <v>125391</v>
      </c>
      <c r="AQ57" s="333">
        <v>-13.6</v>
      </c>
      <c r="AR57" s="334">
        <v>-25.5</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2</v>
      </c>
      <c r="AM58" s="337">
        <v>359129</v>
      </c>
      <c r="AN58" s="338">
        <v>50475</v>
      </c>
      <c r="AO58" s="339">
        <v>-45.2</v>
      </c>
      <c r="AP58" s="340">
        <v>68516</v>
      </c>
      <c r="AQ58" s="341">
        <v>-18.2</v>
      </c>
      <c r="AR58" s="342">
        <v>-27</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6</v>
      </c>
      <c r="AL59" s="321"/>
      <c r="AM59" s="329">
        <v>157245</v>
      </c>
      <c r="AN59" s="330">
        <v>22515</v>
      </c>
      <c r="AO59" s="331">
        <v>-62.3</v>
      </c>
      <c r="AP59" s="332">
        <v>138402</v>
      </c>
      <c r="AQ59" s="333">
        <v>10.4</v>
      </c>
      <c r="AR59" s="334">
        <v>-72.7</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2</v>
      </c>
      <c r="AM60" s="337">
        <v>122780</v>
      </c>
      <c r="AN60" s="338">
        <v>17580</v>
      </c>
      <c r="AO60" s="339">
        <v>-65.2</v>
      </c>
      <c r="AP60" s="340">
        <v>70652</v>
      </c>
      <c r="AQ60" s="341">
        <v>3.1</v>
      </c>
      <c r="AR60" s="342">
        <v>-68.3</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7</v>
      </c>
      <c r="AL61" s="343"/>
      <c r="AM61" s="344">
        <v>306160</v>
      </c>
      <c r="AN61" s="345">
        <v>42624</v>
      </c>
      <c r="AO61" s="346">
        <v>54</v>
      </c>
      <c r="AP61" s="347">
        <v>129309</v>
      </c>
      <c r="AQ61" s="348">
        <v>3.6</v>
      </c>
      <c r="AR61" s="334">
        <v>50.4</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2</v>
      </c>
      <c r="AM62" s="337">
        <v>264052</v>
      </c>
      <c r="AN62" s="338">
        <v>36778</v>
      </c>
      <c r="AO62" s="339">
        <v>87.3</v>
      </c>
      <c r="AP62" s="340">
        <v>69483</v>
      </c>
      <c r="AQ62" s="341">
        <v>2.6</v>
      </c>
      <c r="AR62" s="342">
        <v>84.7</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AMlP4wc2nHBy0BYixrIrT1Q+yZBM4CyfTE7DEDb2wAtztdQxU0NBmromMMaE22z/rr3tr532Avnz1J8SHCcWHQ==" saltValue="kmEky0g0pAZHRRMzHGF0lg=="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59</v>
      </c>
    </row>
    <row r="120" spans="125:125" ht="13.5" hidden="1" customHeight="1" x14ac:dyDescent="0.2"/>
    <row r="121" spans="125:125" ht="13.5" hidden="1" customHeight="1" x14ac:dyDescent="0.2">
      <c r="DU121" s="255"/>
    </row>
  </sheetData>
  <sheetProtection algorithmName="SHA-512" hashValue="lxwPutyK4Xz4MHITE5QVJc5ghlYP8KAsYk0IO9N14RQTF23fwnD3BqJ2F1fr8Uf9L25DnSGBSw0eRLb+OIMFag==" saltValue="7QSESsahf61HGEydCkSul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0</v>
      </c>
    </row>
  </sheetData>
  <sheetProtection algorithmName="SHA-512" hashValue="Lga00PVqYbPejRW1Kv2wdejnx7FnYztdenU8zDitPMLNshUhFbVX8eoz8pJM9X1bNQIuk1TApCSbSsIlj22ewQ==" saltValue="2eL+3voBIrWAy/RXAPnAk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1</v>
      </c>
      <c r="G46" s="8" t="s">
        <v>562</v>
      </c>
      <c r="H46" s="8" t="s">
        <v>563</v>
      </c>
      <c r="I46" s="8" t="s">
        <v>564</v>
      </c>
      <c r="J46" s="9" t="s">
        <v>565</v>
      </c>
    </row>
    <row r="47" spans="2:10" ht="57.75" customHeight="1" x14ac:dyDescent="0.2">
      <c r="B47" s="10"/>
      <c r="C47" s="1204" t="s">
        <v>3</v>
      </c>
      <c r="D47" s="1204"/>
      <c r="E47" s="1205"/>
      <c r="F47" s="11">
        <v>15.12</v>
      </c>
      <c r="G47" s="12">
        <v>16.57</v>
      </c>
      <c r="H47" s="12">
        <v>13.51</v>
      </c>
      <c r="I47" s="12">
        <v>11.36</v>
      </c>
      <c r="J47" s="13">
        <v>13.39</v>
      </c>
    </row>
    <row r="48" spans="2:10" ht="57.75" customHeight="1" x14ac:dyDescent="0.2">
      <c r="B48" s="14"/>
      <c r="C48" s="1206" t="s">
        <v>4</v>
      </c>
      <c r="D48" s="1206"/>
      <c r="E48" s="1207"/>
      <c r="F48" s="15">
        <v>13.28</v>
      </c>
      <c r="G48" s="16">
        <v>10.24</v>
      </c>
      <c r="H48" s="16">
        <v>8.06</v>
      </c>
      <c r="I48" s="16">
        <v>6.75</v>
      </c>
      <c r="J48" s="17">
        <v>13.59</v>
      </c>
    </row>
    <row r="49" spans="2:10" ht="57.75" customHeight="1" thickBot="1" x14ac:dyDescent="0.25">
      <c r="B49" s="18"/>
      <c r="C49" s="1208" t="s">
        <v>5</v>
      </c>
      <c r="D49" s="1208"/>
      <c r="E49" s="1209"/>
      <c r="F49" s="19">
        <v>1.89</v>
      </c>
      <c r="G49" s="20" t="s">
        <v>566</v>
      </c>
      <c r="H49" s="20" t="s">
        <v>567</v>
      </c>
      <c r="I49" s="20" t="s">
        <v>568</v>
      </c>
      <c r="J49" s="21">
        <v>10.41</v>
      </c>
    </row>
    <row r="50" spans="2:10" ht="13.2" x14ac:dyDescent="0.2"/>
  </sheetData>
  <sheetProtection algorithmName="SHA-512" hashValue="s3RFc7qStcY9gNddfVNuRzTIjKqlzWOs7w/+h/m785w0ml8QO0Xxa/+UtAesXu4JekzNEun+h+KSlAinJBgK7g==" saltValue="CAWQDLqKbbz5bkFcsr0NM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5T00:09:20Z</cp:lastPrinted>
  <dcterms:created xsi:type="dcterms:W3CDTF">2023-02-20T04:56:33Z</dcterms:created>
  <dcterms:modified xsi:type="dcterms:W3CDTF">2023-10-05T02:45:42Z</dcterms:modified>
  <cp:category/>
</cp:coreProperties>
</file>